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1EDB179F-256F-42AD-8714-9DDC748389F9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状況確認票" sheetId="3" r:id="rId1"/>
    <sheet name="状況確認票 (記入例)" sheetId="4" r:id="rId2"/>
  </sheets>
  <definedNames>
    <definedName name="_xlnm.Print_Area" localSheetId="0">状況確認票!$A$1:$AB$51</definedName>
    <definedName name="_xlnm.Print_Area" localSheetId="1">'状況確認票 (記入例)'!$A$1:$AB$5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28" uniqueCount="138">
  <si>
    <t>性別</t>
    <rPh sb="0" eb="2">
      <t>セイベツ</t>
    </rPh>
    <phoneticPr fontId="1"/>
  </si>
  <si>
    <t>年</t>
    <rPh sb="0" eb="1">
      <t>ネン</t>
    </rPh>
    <phoneticPr fontId="1"/>
  </si>
  <si>
    <t>歳</t>
    <rPh sb="0" eb="1">
      <t>サイ</t>
    </rPh>
    <phoneticPr fontId="1"/>
  </si>
  <si>
    <t>保育所等入所申請に係る申請児童の状況確認票</t>
    <phoneticPr fontId="1"/>
  </si>
  <si>
    <t>令和</t>
    <rPh sb="0" eb="2">
      <t>レイワ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状況確認票に記載された内容を、入所が決定した保育所等に提供することに同意します。</t>
    <phoneticPr fontId="1"/>
  </si>
  <si>
    <t>平成・令和</t>
  </si>
  <si>
    <t>満</t>
    <rPh sb="0" eb="1">
      <t>マン</t>
    </rPh>
    <phoneticPr fontId="1"/>
  </si>
  <si>
    <t>か月</t>
    <rPh sb="1" eb="2">
      <t>ツキ</t>
    </rPh>
    <phoneticPr fontId="1"/>
  </si>
  <si>
    <t>（記入日時点）</t>
    <rPh sb="1" eb="4">
      <t>キニュウビ</t>
    </rPh>
    <rPh sb="4" eb="6">
      <t>ジテン</t>
    </rPh>
    <phoneticPr fontId="1"/>
  </si>
  <si>
    <t>（記入任意）</t>
    <rPh sb="1" eb="3">
      <t>キニュウ</t>
    </rPh>
    <rPh sb="3" eb="5">
      <t>ニンイ</t>
    </rPh>
    <phoneticPr fontId="1"/>
  </si>
  <si>
    <t>生年
月日</t>
    <rPh sb="0" eb="2">
      <t>セイネン</t>
    </rPh>
    <rPh sb="3" eb="5">
      <t>ツキヒ</t>
    </rPh>
    <phoneticPr fontId="1"/>
  </si>
  <si>
    <r>
      <rPr>
        <sz val="6"/>
        <rFont val="BIZ UD明朝 Medium"/>
        <family val="1"/>
        <charset val="128"/>
      </rPr>
      <t>ふりがな</t>
    </r>
    <r>
      <rPr>
        <sz val="9"/>
        <rFont val="BIZ UD明朝 Medium"/>
        <family val="1"/>
        <charset val="128"/>
      </rPr>
      <t xml:space="preserve">
児童
氏名</t>
    </r>
    <rPh sb="5" eb="7">
      <t>ジドウ</t>
    </rPh>
    <phoneticPr fontId="1"/>
  </si>
  <si>
    <t>出生時の状況</t>
    <phoneticPr fontId="1"/>
  </si>
  <si>
    <t>妊娠期間（妊娠</t>
    <phoneticPr fontId="1"/>
  </si>
  <si>
    <t>週）</t>
    <phoneticPr fontId="1"/>
  </si>
  <si>
    <t>出生時体重（</t>
    <phoneticPr fontId="1"/>
  </si>
  <si>
    <t>ｇ）</t>
    <phoneticPr fontId="1"/>
  </si>
  <si>
    <t>健康診査の受診状況</t>
    <rPh sb="0" eb="2">
      <t>ケンコウ</t>
    </rPh>
    <rPh sb="2" eb="4">
      <t>シンサ</t>
    </rPh>
    <rPh sb="5" eb="7">
      <t>ジュシン</t>
    </rPh>
    <rPh sb="7" eb="9">
      <t>ジョウキョウ</t>
    </rPh>
    <phoneticPr fontId="1"/>
  </si>
  <si>
    <t>＊母子健康手帳を確認のうえ、直近の受診状況を記入してください。</t>
    <phoneticPr fontId="1"/>
  </si>
  <si>
    <t>受診していない。</t>
    <rPh sb="0" eb="2">
      <t>ジュシン</t>
    </rPh>
    <phoneticPr fontId="1"/>
  </si>
  <si>
    <t>1か月児健診</t>
    <phoneticPr fontId="1"/>
  </si>
  <si>
    <t>健診結果：</t>
    <phoneticPr fontId="1"/>
  </si>
  <si>
    <t>要観察</t>
    <phoneticPr fontId="1"/>
  </si>
  <si>
    <t>□</t>
  </si>
  <si>
    <t>1歳6か月健診</t>
    <phoneticPr fontId="1"/>
  </si>
  <si>
    <t>3歳児健診</t>
    <phoneticPr fontId="1"/>
  </si>
  <si>
    <t>6～7か月児健診</t>
    <rPh sb="5" eb="6">
      <t>ジ</t>
    </rPh>
    <rPh sb="6" eb="8">
      <t>ケンシン</t>
    </rPh>
    <phoneticPr fontId="1"/>
  </si>
  <si>
    <t>9～10か月児健診</t>
    <rPh sb="6" eb="7">
      <t>ジ</t>
    </rPh>
    <rPh sb="7" eb="9">
      <t>ケンシン</t>
    </rPh>
    <phoneticPr fontId="1"/>
  </si>
  <si>
    <t>特記事項</t>
    <rPh sb="0" eb="2">
      <t>トッキ</t>
    </rPh>
    <rPh sb="2" eb="4">
      <t>ジコウ</t>
    </rPh>
    <phoneticPr fontId="1"/>
  </si>
  <si>
    <r>
      <t>＊</t>
    </r>
    <r>
      <rPr>
        <sz val="10"/>
        <rFont val="Segoe UI Symbol"/>
        <family val="1"/>
      </rPr>
      <t>☑</t>
    </r>
    <r>
      <rPr>
        <sz val="10"/>
        <rFont val="BIZ UD明朝 Medium"/>
        <family val="1"/>
        <charset val="128"/>
      </rPr>
      <t>要観察の内容について、記入してください。</t>
    </r>
    <phoneticPr fontId="1"/>
  </si>
  <si>
    <t>（</t>
    <phoneticPr fontId="1"/>
  </si>
  <si>
    <t>）</t>
    <phoneticPr fontId="1"/>
  </si>
  <si>
    <t>疾病などの状況</t>
    <rPh sb="0" eb="2">
      <t>シッペイ</t>
    </rPh>
    <rPh sb="5" eb="7">
      <t>ジョウキョウ</t>
    </rPh>
    <phoneticPr fontId="1"/>
  </si>
  <si>
    <t>●定期的に病院に通っていますか？</t>
    <rPh sb="1" eb="3">
      <t>テイキ</t>
    </rPh>
    <rPh sb="3" eb="4">
      <t>テキ</t>
    </rPh>
    <rPh sb="5" eb="7">
      <t>ビョウイン</t>
    </rPh>
    <rPh sb="8" eb="9">
      <t>カヨ</t>
    </rPh>
    <phoneticPr fontId="1"/>
  </si>
  <si>
    <t>いいえ</t>
    <phoneticPr fontId="1"/>
  </si>
  <si>
    <t>通院先</t>
    <rPh sb="0" eb="2">
      <t>ツウイン</t>
    </rPh>
    <rPh sb="2" eb="3">
      <t>サキ</t>
    </rPh>
    <phoneticPr fontId="1"/>
  </si>
  <si>
    <t>～</t>
    <phoneticPr fontId="1"/>
  </si>
  <si>
    <t>回</t>
    <rPh sb="0" eb="1">
      <t>カイ</t>
    </rPh>
    <phoneticPr fontId="1"/>
  </si>
  <si>
    <t>か月に</t>
    <rPh sb="1" eb="2">
      <t>ツキ</t>
    </rPh>
    <phoneticPr fontId="1"/>
  </si>
  <si>
    <t>4か月児健診</t>
    <rPh sb="3" eb="4">
      <t>ジ</t>
    </rPh>
    <rPh sb="4" eb="6">
      <t>ケンシン</t>
    </rPh>
    <phoneticPr fontId="1"/>
  </si>
  <si>
    <t>2歳児健診</t>
    <phoneticPr fontId="1"/>
  </si>
  <si>
    <t>●定期的に服薬していますか？</t>
    <rPh sb="1" eb="3">
      <t>テイキ</t>
    </rPh>
    <rPh sb="3" eb="4">
      <t>テキ</t>
    </rPh>
    <rPh sb="5" eb="7">
      <t>フクヤク</t>
    </rPh>
    <phoneticPr fontId="1"/>
  </si>
  <si>
    <t>夜</t>
    <rPh sb="0" eb="1">
      <t>ヨル</t>
    </rPh>
    <phoneticPr fontId="1"/>
  </si>
  <si>
    <t>朝　・</t>
    <rPh sb="0" eb="1">
      <t>アサ</t>
    </rPh>
    <phoneticPr fontId="1"/>
  </si>
  <si>
    <t>昼　・</t>
    <rPh sb="0" eb="1">
      <t>ヒル</t>
    </rPh>
    <phoneticPr fontId="1"/>
  </si>
  <si>
    <t>☑</t>
  </si>
  <si>
    <t>はい　・</t>
    <phoneticPr fontId="1"/>
  </si>
  <si>
    <t>健康　・</t>
    <phoneticPr fontId="1"/>
  </si>
  <si>
    <t>（１日</t>
    <rPh sb="2" eb="3">
      <t>ヒ</t>
    </rPh>
    <phoneticPr fontId="1"/>
  </si>
  <si>
    <t>●過去に大きな病気にかかったことはありますか？</t>
    <rPh sb="1" eb="3">
      <t>カコ</t>
    </rPh>
    <rPh sb="4" eb="5">
      <t>オオ</t>
    </rPh>
    <rPh sb="7" eb="9">
      <t>ビョウキ</t>
    </rPh>
    <phoneticPr fontId="1"/>
  </si>
  <si>
    <t>●手術を受けたこと又は手術の予定はありますか？</t>
    <rPh sb="1" eb="3">
      <t>シュジュツ</t>
    </rPh>
    <rPh sb="4" eb="5">
      <t>ウ</t>
    </rPh>
    <rPh sb="9" eb="10">
      <t>マタ</t>
    </rPh>
    <rPh sb="11" eb="13">
      <t>シュジュツ</t>
    </rPh>
    <rPh sb="14" eb="16">
      <t>ヨテイ</t>
    </rPh>
    <phoneticPr fontId="1"/>
  </si>
  <si>
    <t>手術を受けた</t>
    <rPh sb="0" eb="2">
      <t>シュジュツ</t>
    </rPh>
    <rPh sb="3" eb="4">
      <t>ウ</t>
    </rPh>
    <phoneticPr fontId="1"/>
  </si>
  <si>
    <t>手術予定</t>
    <rPh sb="0" eb="2">
      <t>シュジュツ</t>
    </rPh>
    <rPh sb="2" eb="4">
      <t>ヨテイ</t>
    </rPh>
    <phoneticPr fontId="1"/>
  </si>
  <si>
    <t>月頃）</t>
    <rPh sb="0" eb="1">
      <t>ツキ</t>
    </rPh>
    <rPh sb="1" eb="2">
      <t>コロ</t>
    </rPh>
    <phoneticPr fontId="1"/>
  </si>
  <si>
    <t>●食物アレルギーはありますか？</t>
    <rPh sb="1" eb="3">
      <t>ショクモツ</t>
    </rPh>
    <phoneticPr fontId="1"/>
  </si>
  <si>
    <t>●熱性けいれんを起こしたことはありますか？</t>
    <rPh sb="1" eb="3">
      <t>ネツセイ</t>
    </rPh>
    <rPh sb="8" eb="9">
      <t>オ</t>
    </rPh>
    <phoneticPr fontId="1"/>
  </si>
  <si>
    <t>原因食物</t>
    <rPh sb="0" eb="2">
      <t>ゲンイン</t>
    </rPh>
    <rPh sb="2" eb="4">
      <t>ショクモツ</t>
    </rPh>
    <phoneticPr fontId="1"/>
  </si>
  <si>
    <t>病名（</t>
    <rPh sb="0" eb="2">
      <t>ビョウメイ</t>
    </rPh>
    <phoneticPr fontId="1"/>
  </si>
  <si>
    <t>薬名（</t>
    <rPh sb="0" eb="1">
      <t>クスリ</t>
    </rPh>
    <rPh sb="1" eb="2">
      <t>メイ</t>
    </rPh>
    <phoneticPr fontId="1"/>
  </si>
  <si>
    <t>通院期間（令和</t>
    <rPh sb="0" eb="2">
      <t>ツウイン</t>
    </rPh>
    <rPh sb="2" eb="4">
      <t>キカン</t>
    </rPh>
    <rPh sb="5" eb="7">
      <t>レイワ</t>
    </rPh>
    <phoneticPr fontId="1"/>
  </si>
  <si>
    <t>月～令和</t>
    <rPh sb="0" eb="1">
      <t>ツキ</t>
    </rPh>
    <rPh sb="2" eb="4">
      <t>レイワ</t>
    </rPh>
    <phoneticPr fontId="1"/>
  </si>
  <si>
    <t>発症時（</t>
    <rPh sb="0" eb="3">
      <t>ハッショウジ</t>
    </rPh>
    <phoneticPr fontId="1"/>
  </si>
  <si>
    <t>回程度</t>
    <rPh sb="0" eb="1">
      <t>カイ</t>
    </rPh>
    <rPh sb="1" eb="3">
      <t>テイド</t>
    </rPh>
    <phoneticPr fontId="1"/>
  </si>
  <si>
    <t>通院頻度（</t>
    <rPh sb="0" eb="2">
      <t>ツウイン</t>
    </rPh>
    <rPh sb="2" eb="4">
      <t>ヒンド</t>
    </rPh>
    <phoneticPr fontId="1"/>
  </si>
  <si>
    <t>対応：</t>
    <rPh sb="0" eb="2">
      <t>タイオウ</t>
    </rPh>
    <phoneticPr fontId="1"/>
  </si>
  <si>
    <t>エピペン</t>
    <phoneticPr fontId="1"/>
  </si>
  <si>
    <t>薬</t>
    <rPh sb="0" eb="1">
      <t>クスリ</t>
    </rPh>
    <phoneticPr fontId="1"/>
  </si>
  <si>
    <t>病院受診</t>
    <rPh sb="0" eb="2">
      <t>ビョウイン</t>
    </rPh>
    <rPh sb="2" eb="4">
      <t>ジュシン</t>
    </rPh>
    <phoneticPr fontId="1"/>
  </si>
  <si>
    <t>その他</t>
    <rPh sb="2" eb="3">
      <t>タ</t>
    </rPh>
    <phoneticPr fontId="1"/>
  </si>
  <si>
    <t>か月頃）</t>
    <rPh sb="1" eb="2">
      <t>ツキ</t>
    </rPh>
    <rPh sb="2" eb="3">
      <t>コロ</t>
    </rPh>
    <phoneticPr fontId="1"/>
  </si>
  <si>
    <t>薬：</t>
    <rPh sb="0" eb="1">
      <t>クスリ</t>
    </rPh>
    <phoneticPr fontId="1"/>
  </si>
  <si>
    <t>無</t>
    <rPh sb="0" eb="1">
      <t>ナ</t>
    </rPh>
    <phoneticPr fontId="1"/>
  </si>
  <si>
    <t>有　・</t>
    <rPh sb="0" eb="1">
      <t>ア</t>
    </rPh>
    <phoneticPr fontId="1"/>
  </si>
  <si>
    <t>乳児一般健康診査（個別）：</t>
    <phoneticPr fontId="1"/>
  </si>
  <si>
    <t>乳幼児健康診査（集団）：</t>
    <phoneticPr fontId="1"/>
  </si>
  <si>
    <t>発作回数</t>
    <rPh sb="0" eb="2">
      <t>ホッサ</t>
    </rPh>
    <rPh sb="2" eb="4">
      <t>カイスウ</t>
    </rPh>
    <phoneticPr fontId="1"/>
  </si>
  <si>
    <t>回）</t>
    <rPh sb="0" eb="1">
      <t>カイ</t>
    </rPh>
    <phoneticPr fontId="1"/>
  </si>
  <si>
    <t>発達状況</t>
    <rPh sb="0" eb="2">
      <t>ハッタツ</t>
    </rPh>
    <rPh sb="2" eb="4">
      <t>ジョウキョウ</t>
    </rPh>
    <phoneticPr fontId="1"/>
  </si>
  <si>
    <t>まだ</t>
    <phoneticPr fontId="1"/>
  </si>
  <si>
    <t>つかまり歩き</t>
    <rPh sb="4" eb="5">
      <t>アル</t>
    </rPh>
    <phoneticPr fontId="1"/>
  </si>
  <si>
    <t>歩行可能</t>
    <rPh sb="0" eb="2">
      <t>ホコウ</t>
    </rPh>
    <rPh sb="2" eb="4">
      <t>カノウ</t>
    </rPh>
    <phoneticPr fontId="1"/>
  </si>
  <si>
    <t>単語（ワンワン）</t>
    <rPh sb="0" eb="2">
      <t>タンゴ</t>
    </rPh>
    <phoneticPr fontId="1"/>
  </si>
  <si>
    <t>二語文を話す（マンマたべる）</t>
    <rPh sb="0" eb="1">
      <t>2</t>
    </rPh>
    <rPh sb="1" eb="2">
      <t>ゴ</t>
    </rPh>
    <rPh sb="2" eb="3">
      <t>ブン</t>
    </rPh>
    <rPh sb="4" eb="5">
      <t>ハナ</t>
    </rPh>
    <phoneticPr fontId="1"/>
  </si>
  <si>
    <t>会話ができる</t>
    <rPh sb="0" eb="2">
      <t>カイワ</t>
    </rPh>
    <phoneticPr fontId="1"/>
  </si>
  <si>
    <t>介助</t>
    <rPh sb="0" eb="2">
      <t>カイジョ</t>
    </rPh>
    <phoneticPr fontId="1"/>
  </si>
  <si>
    <t>援助が必要</t>
    <rPh sb="0" eb="2">
      <t>エンジョ</t>
    </rPh>
    <rPh sb="3" eb="5">
      <t>ヒツヨウ</t>
    </rPh>
    <phoneticPr fontId="1"/>
  </si>
  <si>
    <t>できる</t>
    <phoneticPr fontId="1"/>
  </si>
  <si>
    <t>手づかみ</t>
    <rPh sb="0" eb="1">
      <t>テ</t>
    </rPh>
    <phoneticPr fontId="1"/>
  </si>
  <si>
    <t>スプーン</t>
    <phoneticPr fontId="1"/>
  </si>
  <si>
    <t>箸</t>
    <rPh sb="0" eb="1">
      <t>ハシ</t>
    </rPh>
    <phoneticPr fontId="1"/>
  </si>
  <si>
    <t>おむつ</t>
    <phoneticPr fontId="1"/>
  </si>
  <si>
    <t>自分ではできないが知らせる</t>
    <rPh sb="0" eb="2">
      <t>ジブン</t>
    </rPh>
    <rPh sb="9" eb="10">
      <t>シ</t>
    </rPh>
    <phoneticPr fontId="1"/>
  </si>
  <si>
    <t>自立</t>
    <rPh sb="0" eb="2">
      <t>ジリツ</t>
    </rPh>
    <phoneticPr fontId="1"/>
  </si>
  <si>
    <t>簡単な着脱</t>
    <rPh sb="0" eb="2">
      <t>カンタン</t>
    </rPh>
    <rPh sb="3" eb="5">
      <t>チャクダツ</t>
    </rPh>
    <phoneticPr fontId="1"/>
  </si>
  <si>
    <t>＊発達の心配や日常生活で気になることがあれば、記入してください。</t>
    <phoneticPr fontId="1"/>
  </si>
  <si>
    <t>言葉</t>
    <rPh sb="0" eb="2">
      <t>コトバ</t>
    </rPh>
    <phoneticPr fontId="1"/>
  </si>
  <si>
    <t>食事</t>
    <rPh sb="0" eb="2">
      <t>ショクジ</t>
    </rPh>
    <phoneticPr fontId="1"/>
  </si>
  <si>
    <t>身体機能</t>
    <rPh sb="0" eb="2">
      <t>シンタイ</t>
    </rPh>
    <rPh sb="2" eb="4">
      <t>キノウ</t>
    </rPh>
    <phoneticPr fontId="1"/>
  </si>
  <si>
    <t>視覚</t>
    <rPh sb="0" eb="2">
      <t>シカク</t>
    </rPh>
    <phoneticPr fontId="1"/>
  </si>
  <si>
    <t>聴覚</t>
    <rPh sb="0" eb="2">
      <t>チョウカク</t>
    </rPh>
    <phoneticPr fontId="1"/>
  </si>
  <si>
    <t>落ち着きがない</t>
    <rPh sb="0" eb="1">
      <t>オ</t>
    </rPh>
    <rPh sb="2" eb="3">
      <t>ツ</t>
    </rPh>
    <phoneticPr fontId="1"/>
  </si>
  <si>
    <t>かんしゃくを起こしやすい</t>
    <rPh sb="6" eb="7">
      <t>オ</t>
    </rPh>
    <phoneticPr fontId="1"/>
  </si>
  <si>
    <t>極端に人見知り</t>
    <rPh sb="0" eb="2">
      <t>キョクタン</t>
    </rPh>
    <rPh sb="3" eb="6">
      <t>ヒトミシ</t>
    </rPh>
    <phoneticPr fontId="1"/>
  </si>
  <si>
    <t>こだわりが強い</t>
    <rPh sb="5" eb="6">
      <t>ツヨ</t>
    </rPh>
    <phoneticPr fontId="1"/>
  </si>
  <si>
    <t>気になること</t>
    <rPh sb="0" eb="1">
      <t>キ</t>
    </rPh>
    <phoneticPr fontId="1"/>
  </si>
  <si>
    <t>●発達状況に関して専門機関に相談されたことはありますか？</t>
    <rPh sb="6" eb="7">
      <t>カン</t>
    </rPh>
    <rPh sb="9" eb="11">
      <t>センモン</t>
    </rPh>
    <rPh sb="11" eb="13">
      <t>キカン</t>
    </rPh>
    <rPh sb="14" eb="16">
      <t>ソウダン</t>
    </rPh>
    <phoneticPr fontId="1"/>
  </si>
  <si>
    <t>専門機関</t>
    <rPh sb="0" eb="2">
      <t>センモン</t>
    </rPh>
    <rPh sb="2" eb="4">
      <t>キカン</t>
    </rPh>
    <phoneticPr fontId="1"/>
  </si>
  <si>
    <t>（071101）</t>
    <phoneticPr fontId="1"/>
  </si>
  <si>
    <t>　この状況確認票は、保育所等において保育を実施するため、お子さんの健康状態等を確認させていただくものです。記入日時点の状況をご記入ください。なお、記載いただいた内容は、保育所等入所の利用調整に影響するものではありません。</t>
    <rPh sb="35" eb="37">
      <t>ジョウタイ</t>
    </rPh>
    <rPh sb="59" eb="61">
      <t>ジョウキョウ</t>
    </rPh>
    <rPh sb="73" eb="75">
      <t>キサイ</t>
    </rPh>
    <rPh sb="80" eb="82">
      <t>ナイヨウ</t>
    </rPh>
    <rPh sb="84" eb="87">
      <t>ホイクショ</t>
    </rPh>
    <rPh sb="87" eb="88">
      <t>トウ</t>
    </rPh>
    <rPh sb="88" eb="90">
      <t>ニュウショ</t>
    </rPh>
    <rPh sb="91" eb="93">
      <t>リヨウ</t>
    </rPh>
    <rPh sb="93" eb="95">
      <t>チョウセイ</t>
    </rPh>
    <rPh sb="96" eb="98">
      <t>エイキョウ</t>
    </rPh>
    <phoneticPr fontId="1"/>
  </si>
  <si>
    <t>情報提供
の同意</t>
    <rPh sb="0" eb="2">
      <t>ジョウホウ</t>
    </rPh>
    <rPh sb="2" eb="4">
      <t>テイキョウ</t>
    </rPh>
    <rPh sb="6" eb="8">
      <t>ドウイ</t>
    </rPh>
    <phoneticPr fontId="1"/>
  </si>
  <si>
    <t>記入者（保護者）氏名</t>
    <phoneticPr fontId="1"/>
  </si>
  <si>
    <t>連絡先電話番号</t>
    <phoneticPr fontId="1"/>
  </si>
  <si>
    <t>記入日</t>
    <rPh sb="0" eb="3">
      <t>キニュウビ</t>
    </rPh>
    <phoneticPr fontId="1"/>
  </si>
  <si>
    <t>児童との続柄</t>
    <rPh sb="0" eb="2">
      <t>ジドウ</t>
    </rPh>
    <rPh sb="4" eb="5">
      <t>ツヅ</t>
    </rPh>
    <rPh sb="5" eb="6">
      <t>ガラ</t>
    </rPh>
    <phoneticPr fontId="1"/>
  </si>
  <si>
    <t>週に・</t>
    <rPh sb="0" eb="1">
      <t>シュウ</t>
    </rPh>
    <phoneticPr fontId="1"/>
  </si>
  <si>
    <t>（令和</t>
    <phoneticPr fontId="1"/>
  </si>
  <si>
    <t>【首のすわり】</t>
    <rPh sb="1" eb="2">
      <t>クビ</t>
    </rPh>
    <phoneticPr fontId="1"/>
  </si>
  <si>
    <t>【歩行】</t>
    <rPh sb="1" eb="3">
      <t>ホコウ</t>
    </rPh>
    <phoneticPr fontId="1"/>
  </si>
  <si>
    <t>【ハイハイ】</t>
    <phoneticPr fontId="1"/>
  </si>
  <si>
    <t>【言葉】</t>
    <rPh sb="1" eb="3">
      <t>コトバ</t>
    </rPh>
    <phoneticPr fontId="1"/>
  </si>
  <si>
    <t>【食事】</t>
    <rPh sb="1" eb="3">
      <t>ショクジ</t>
    </rPh>
    <phoneticPr fontId="1"/>
  </si>
  <si>
    <t>【排泄】</t>
    <rPh sb="1" eb="3">
      <t>ハイセツ</t>
    </rPh>
    <phoneticPr fontId="1"/>
  </si>
  <si>
    <t>【着脱】</t>
    <rPh sb="1" eb="3">
      <t>チャクダツ</t>
    </rPh>
    <phoneticPr fontId="1"/>
  </si>
  <si>
    <t>／</t>
    <phoneticPr fontId="9"/>
  </si>
  <si>
    <t>富山　太郎</t>
    <rPh sb="0" eb="2">
      <t>トヤマ</t>
    </rPh>
    <rPh sb="3" eb="5">
      <t>タロウ</t>
    </rPh>
    <phoneticPr fontId="9"/>
  </si>
  <si>
    <t>父</t>
    <rPh sb="0" eb="1">
      <t>チチ</t>
    </rPh>
    <phoneticPr fontId="9"/>
  </si>
  <si>
    <t>090-2222-3333</t>
    <phoneticPr fontId="9"/>
  </si>
  <si>
    <t>とやま　はなこ</t>
    <phoneticPr fontId="9"/>
  </si>
  <si>
    <t>富山　花子</t>
    <rPh sb="0" eb="2">
      <t>トヤマ</t>
    </rPh>
    <rPh sb="3" eb="5">
      <t>ハナコ</t>
    </rPh>
    <phoneticPr fontId="9"/>
  </si>
  <si>
    <t>女</t>
    <rPh sb="0" eb="1">
      <t>オンナ</t>
    </rPh>
    <phoneticPr fontId="9"/>
  </si>
  <si>
    <t>令和</t>
  </si>
  <si>
    <t>水ぼうそう</t>
    <rPh sb="0" eb="1">
      <t>ミズ</t>
    </rPh>
    <phoneticPr fontId="9"/>
  </si>
  <si>
    <t>○○クリニック</t>
    <phoneticPr fontId="9"/>
  </si>
  <si>
    <t>卵、えび</t>
    <rPh sb="0" eb="1">
      <t>タマゴ</t>
    </rPh>
    <phoneticPr fontId="9"/>
  </si>
  <si>
    <t>こども発達支援室</t>
    <rPh sb="3" eb="5">
      <t>ハッタツ</t>
    </rPh>
    <rPh sb="5" eb="8">
      <t>シエンシツ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ＭＳ Ｐゴシック"/>
      <family val="3"/>
    </font>
    <font>
      <sz val="6"/>
      <name val="ＭＳ Ｐゴシック"/>
      <family val="3"/>
    </font>
    <font>
      <sz val="11"/>
      <color indexed="8"/>
      <name val="BIZ UD明朝 Medium"/>
      <family val="1"/>
      <charset val="128"/>
    </font>
    <font>
      <sz val="11"/>
      <name val="BIZ UD明朝 Medium"/>
      <family val="1"/>
      <charset val="128"/>
    </font>
    <font>
      <sz val="10"/>
      <name val="BIZ UD明朝 Medium"/>
      <family val="1"/>
      <charset val="128"/>
    </font>
    <font>
      <sz val="12"/>
      <name val="BIZ UD明朝 Medium"/>
      <family val="1"/>
      <charset val="128"/>
    </font>
    <font>
      <sz val="9"/>
      <name val="BIZ UD明朝 Medium"/>
      <family val="1"/>
      <charset val="128"/>
    </font>
    <font>
      <sz val="6"/>
      <name val="BIZ UD明朝 Medium"/>
      <family val="1"/>
      <charset val="128"/>
    </font>
    <font>
      <sz val="10"/>
      <name val="Segoe UI Symbol"/>
      <family val="1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rgb="FFCCFFFF"/>
        <bgColor indexed="64"/>
      </patternFill>
    </fill>
  </fills>
  <borders count="12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83">
    <xf numFmtId="0" fontId="0" fillId="0" borderId="0" xfId="0">
      <alignment vertical="center"/>
    </xf>
    <xf numFmtId="0" fontId="2" fillId="0" borderId="0" xfId="0" applyFont="1" applyProtection="1">
      <alignment vertical="center"/>
    </xf>
    <xf numFmtId="0" fontId="3" fillId="0" borderId="0" xfId="0" applyFont="1" applyFill="1" applyBorder="1" applyProtection="1">
      <alignment vertical="center"/>
    </xf>
    <xf numFmtId="0" fontId="3" fillId="0" borderId="0" xfId="0" applyFont="1" applyFill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4" fillId="0" borderId="0" xfId="0" applyFont="1" applyFill="1" applyAlignment="1" applyProtection="1">
      <alignment vertical="center"/>
    </xf>
    <xf numFmtId="0" fontId="4" fillId="0" borderId="0" xfId="0" applyFont="1" applyFill="1" applyBorder="1" applyAlignment="1" applyProtection="1">
      <alignment horizontal="center" vertical="center"/>
    </xf>
    <xf numFmtId="0" fontId="4" fillId="0" borderId="1" xfId="0" applyFont="1" applyFill="1" applyBorder="1" applyAlignment="1" applyProtection="1">
      <alignment vertical="center"/>
    </xf>
    <xf numFmtId="0" fontId="4" fillId="0" borderId="2" xfId="0" applyFont="1" applyFill="1" applyBorder="1" applyAlignment="1" applyProtection="1">
      <alignment horizontal="right" vertical="center"/>
    </xf>
    <xf numFmtId="0" fontId="4" fillId="0" borderId="2" xfId="0" applyFont="1" applyFill="1" applyBorder="1" applyAlignment="1" applyProtection="1">
      <alignment vertical="center"/>
    </xf>
    <xf numFmtId="0" fontId="4" fillId="0" borderId="3" xfId="0" applyFont="1" applyFill="1" applyBorder="1" applyAlignment="1" applyProtection="1">
      <alignment vertical="center"/>
    </xf>
    <xf numFmtId="0" fontId="4" fillId="0" borderId="8" xfId="0" applyFont="1" applyFill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4" fillId="0" borderId="5" xfId="0" applyFont="1" applyFill="1" applyBorder="1" applyAlignment="1" applyProtection="1">
      <alignment horizontal="right" vertical="center"/>
    </xf>
    <xf numFmtId="0" fontId="4" fillId="0" borderId="6" xfId="0" applyFont="1" applyFill="1" applyBorder="1" applyAlignment="1" applyProtection="1">
      <alignment horizontal="right" vertical="center"/>
    </xf>
    <xf numFmtId="0" fontId="4" fillId="0" borderId="7" xfId="0" applyFont="1" applyFill="1" applyBorder="1" applyAlignment="1" applyProtection="1">
      <alignment vertical="center"/>
    </xf>
    <xf numFmtId="0" fontId="4" fillId="2" borderId="0" xfId="0" applyFont="1" applyFill="1" applyBorder="1" applyAlignment="1" applyProtection="1">
      <alignment vertical="center"/>
    </xf>
    <xf numFmtId="0" fontId="4" fillId="2" borderId="1" xfId="0" applyFont="1" applyFill="1" applyBorder="1" applyAlignment="1" applyProtection="1">
      <alignment vertical="center"/>
    </xf>
    <xf numFmtId="0" fontId="4" fillId="2" borderId="2" xfId="0" applyFont="1" applyFill="1" applyBorder="1" applyAlignment="1" applyProtection="1">
      <alignment vertical="center"/>
    </xf>
    <xf numFmtId="0" fontId="4" fillId="2" borderId="3" xfId="0" applyFont="1" applyFill="1" applyBorder="1" applyAlignment="1" applyProtection="1">
      <alignment vertical="center"/>
    </xf>
    <xf numFmtId="0" fontId="4" fillId="2" borderId="10" xfId="0" applyFont="1" applyFill="1" applyBorder="1" applyAlignment="1" applyProtection="1">
      <alignment vertical="center"/>
    </xf>
    <xf numFmtId="0" fontId="4" fillId="0" borderId="10" xfId="0" applyFont="1" applyFill="1" applyBorder="1" applyAlignment="1" applyProtection="1">
      <alignment vertical="center"/>
    </xf>
    <xf numFmtId="0" fontId="4" fillId="0" borderId="11" xfId="0" applyFont="1" applyFill="1" applyBorder="1" applyAlignment="1" applyProtection="1">
      <alignment vertical="center"/>
    </xf>
    <xf numFmtId="0" fontId="3" fillId="0" borderId="11" xfId="0" applyFont="1" applyFill="1" applyBorder="1" applyProtection="1">
      <alignment vertical="center"/>
    </xf>
    <xf numFmtId="0" fontId="4" fillId="0" borderId="8" xfId="0" applyFont="1" applyFill="1" applyBorder="1" applyAlignment="1" applyProtection="1">
      <alignment horizontal="center" vertical="center"/>
    </xf>
    <xf numFmtId="0" fontId="3" fillId="0" borderId="8" xfId="0" applyFont="1" applyFill="1" applyBorder="1" applyProtection="1">
      <alignment vertical="center"/>
    </xf>
    <xf numFmtId="0" fontId="4" fillId="2" borderId="11" xfId="0" applyFont="1" applyFill="1" applyBorder="1" applyAlignment="1" applyProtection="1">
      <alignment vertical="center"/>
    </xf>
    <xf numFmtId="0" fontId="3" fillId="0" borderId="2" xfId="0" applyFont="1" applyFill="1" applyBorder="1" applyProtection="1">
      <alignment vertical="center"/>
    </xf>
    <xf numFmtId="0" fontId="4" fillId="0" borderId="1" xfId="0" applyFont="1" applyFill="1" applyBorder="1" applyAlignment="1" applyProtection="1">
      <alignment horizontal="center" vertical="center"/>
    </xf>
    <xf numFmtId="0" fontId="4" fillId="0" borderId="2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 applyProtection="1">
      <alignment vertical="center" shrinkToFit="1"/>
    </xf>
    <xf numFmtId="0" fontId="4" fillId="3" borderId="5" xfId="0" applyFont="1" applyFill="1" applyBorder="1" applyAlignment="1" applyProtection="1">
      <alignment vertical="center" shrinkToFit="1"/>
    </xf>
    <xf numFmtId="0" fontId="4" fillId="3" borderId="8" xfId="0" applyFont="1" applyFill="1" applyBorder="1" applyAlignment="1" applyProtection="1">
      <alignment vertical="center" shrinkToFit="1"/>
    </xf>
    <xf numFmtId="0" fontId="4" fillId="3" borderId="0" xfId="0" applyFont="1" applyFill="1" applyBorder="1" applyAlignment="1" applyProtection="1">
      <alignment vertical="center" shrinkToFit="1"/>
    </xf>
    <xf numFmtId="0" fontId="4" fillId="0" borderId="10" xfId="0" applyFont="1" applyFill="1" applyBorder="1" applyProtection="1">
      <alignment vertical="center"/>
    </xf>
    <xf numFmtId="0" fontId="4" fillId="2" borderId="4" xfId="0" applyFont="1" applyFill="1" applyBorder="1" applyAlignment="1" applyProtection="1">
      <alignment vertical="center"/>
    </xf>
    <xf numFmtId="0" fontId="4" fillId="2" borderId="5" xfId="0" applyFont="1" applyFill="1" applyBorder="1" applyAlignment="1" applyProtection="1">
      <alignment vertical="center"/>
    </xf>
    <xf numFmtId="0" fontId="4" fillId="2" borderId="1" xfId="0" applyFont="1" applyFill="1" applyBorder="1" applyAlignment="1" applyProtection="1">
      <alignment vertical="center" shrinkToFit="1"/>
    </xf>
    <xf numFmtId="0" fontId="4" fillId="2" borderId="2" xfId="0" applyFont="1" applyFill="1" applyBorder="1" applyAlignment="1" applyProtection="1">
      <alignment vertical="center" shrinkToFit="1"/>
    </xf>
    <xf numFmtId="0" fontId="4" fillId="2" borderId="3" xfId="0" applyFont="1" applyFill="1" applyBorder="1" applyAlignment="1" applyProtection="1">
      <alignment vertical="center" shrinkToFit="1"/>
    </xf>
    <xf numFmtId="0" fontId="4" fillId="3" borderId="1" xfId="0" applyFont="1" applyFill="1" applyBorder="1" applyAlignment="1" applyProtection="1">
      <alignment vertical="center" shrinkToFit="1"/>
    </xf>
    <xf numFmtId="0" fontId="4" fillId="3" borderId="2" xfId="0" applyFont="1" applyFill="1" applyBorder="1" applyAlignment="1" applyProtection="1">
      <alignment vertical="center" shrinkToFit="1"/>
    </xf>
    <xf numFmtId="0" fontId="4" fillId="3" borderId="3" xfId="0" applyFont="1" applyFill="1" applyBorder="1" applyAlignment="1" applyProtection="1">
      <alignment vertical="center" shrinkToFit="1"/>
    </xf>
    <xf numFmtId="0" fontId="4" fillId="2" borderId="1" xfId="0" applyFont="1" applyFill="1" applyBorder="1" applyAlignment="1" applyProtection="1">
      <alignment vertical="center"/>
    </xf>
    <xf numFmtId="0" fontId="4" fillId="2" borderId="2" xfId="0" applyFont="1" applyFill="1" applyBorder="1" applyAlignment="1" applyProtection="1">
      <alignment vertical="center"/>
    </xf>
    <xf numFmtId="0" fontId="4" fillId="2" borderId="3" xfId="0" applyFont="1" applyFill="1" applyBorder="1" applyAlignment="1" applyProtection="1">
      <alignment vertical="center"/>
    </xf>
    <xf numFmtId="0" fontId="5" fillId="0" borderId="0" xfId="0" applyFont="1" applyFill="1" applyAlignment="1" applyProtection="1">
      <alignment horizontal="center" vertical="center"/>
    </xf>
    <xf numFmtId="0" fontId="4" fillId="0" borderId="0" xfId="0" applyFont="1" applyFill="1" applyAlignment="1" applyProtection="1">
      <alignment vertical="center" wrapText="1"/>
    </xf>
    <xf numFmtId="0" fontId="4" fillId="2" borderId="4" xfId="0" applyFont="1" applyFill="1" applyBorder="1" applyAlignment="1" applyProtection="1">
      <alignment horizontal="center" vertical="center" wrapText="1"/>
    </xf>
    <xf numFmtId="0" fontId="4" fillId="2" borderId="5" xfId="0" applyFont="1" applyFill="1" applyBorder="1" applyAlignment="1" applyProtection="1">
      <alignment horizontal="center" vertical="center"/>
    </xf>
    <xf numFmtId="0" fontId="4" fillId="2" borderId="6" xfId="0" applyFont="1" applyFill="1" applyBorder="1" applyAlignment="1" applyProtection="1">
      <alignment horizontal="center" vertical="center"/>
    </xf>
    <xf numFmtId="0" fontId="4" fillId="2" borderId="7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center" vertical="center"/>
    </xf>
    <xf numFmtId="0" fontId="4" fillId="2" borderId="9" xfId="0" applyFont="1" applyFill="1" applyBorder="1" applyAlignment="1" applyProtection="1">
      <alignment horizontal="center" vertical="center"/>
    </xf>
    <xf numFmtId="0" fontId="4" fillId="3" borderId="4" xfId="0" applyFont="1" applyFill="1" applyBorder="1" applyAlignment="1" applyProtection="1">
      <alignment vertical="center" shrinkToFit="1"/>
    </xf>
    <xf numFmtId="0" fontId="4" fillId="3" borderId="5" xfId="0" applyFont="1" applyFill="1" applyBorder="1" applyAlignment="1" applyProtection="1">
      <alignment vertical="center" shrinkToFit="1"/>
    </xf>
    <xf numFmtId="0" fontId="4" fillId="3" borderId="6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horizontal="center" vertical="center"/>
    </xf>
    <xf numFmtId="0" fontId="4" fillId="3" borderId="4" xfId="0" applyFont="1" applyFill="1" applyBorder="1" applyAlignment="1" applyProtection="1">
      <alignment horizontal="center" vertical="center" shrinkToFit="1"/>
    </xf>
    <xf numFmtId="0" fontId="4" fillId="3" borderId="5" xfId="0" applyFont="1" applyFill="1" applyBorder="1" applyAlignment="1" applyProtection="1">
      <alignment horizontal="center" vertical="center" shrinkToFit="1"/>
    </xf>
    <xf numFmtId="0" fontId="4" fillId="3" borderId="6" xfId="0" applyFont="1" applyFill="1" applyBorder="1" applyAlignment="1" applyProtection="1">
      <alignment horizontal="center" vertical="center" shrinkToFit="1"/>
    </xf>
    <xf numFmtId="0" fontId="4" fillId="3" borderId="7" xfId="0" applyFont="1" applyFill="1" applyBorder="1" applyAlignment="1" applyProtection="1">
      <alignment vertical="center" shrinkToFit="1"/>
    </xf>
    <xf numFmtId="0" fontId="4" fillId="3" borderId="8" xfId="0" applyFont="1" applyFill="1" applyBorder="1" applyAlignment="1" applyProtection="1">
      <alignment vertical="center" shrinkToFit="1"/>
    </xf>
    <xf numFmtId="0" fontId="4" fillId="3" borderId="9" xfId="0" applyFont="1" applyFill="1" applyBorder="1" applyAlignment="1" applyProtection="1">
      <alignment vertical="center" shrinkToFit="1"/>
    </xf>
    <xf numFmtId="0" fontId="4" fillId="0" borderId="7" xfId="0" applyFont="1" applyFill="1" applyBorder="1" applyAlignment="1" applyProtection="1">
      <alignment horizontal="center" shrinkToFit="1"/>
    </xf>
    <xf numFmtId="0" fontId="4" fillId="0" borderId="8" xfId="0" applyFont="1" applyFill="1" applyBorder="1" applyAlignment="1" applyProtection="1">
      <alignment horizontal="center" shrinkToFit="1"/>
    </xf>
    <xf numFmtId="0" fontId="4" fillId="0" borderId="9" xfId="0" applyFont="1" applyFill="1" applyBorder="1" applyAlignment="1" applyProtection="1">
      <alignment horizontal="center" shrinkToFit="1"/>
    </xf>
    <xf numFmtId="0" fontId="4" fillId="0" borderId="4" xfId="0" applyFont="1" applyFill="1" applyBorder="1" applyAlignment="1" applyProtection="1">
      <alignment horizontal="center" vertical="center"/>
    </xf>
    <xf numFmtId="0" fontId="4" fillId="0" borderId="7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4" fillId="0" borderId="8" xfId="0" applyFont="1" applyFill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4" fillId="0" borderId="8" xfId="0" applyFont="1" applyFill="1" applyBorder="1" applyAlignment="1" applyProtection="1">
      <alignment horizontal="center" vertical="center" shrinkToFit="1"/>
    </xf>
    <xf numFmtId="0" fontId="4" fillId="0" borderId="9" xfId="0" applyFont="1" applyFill="1" applyBorder="1" applyAlignment="1" applyProtection="1">
      <alignment horizontal="center" vertical="center" shrinkToFit="1"/>
    </xf>
    <xf numFmtId="0" fontId="4" fillId="0" borderId="5" xfId="0" applyFont="1" applyFill="1" applyBorder="1" applyAlignment="1" applyProtection="1">
      <alignment horizontal="center" vertical="center"/>
    </xf>
    <xf numFmtId="0" fontId="4" fillId="3" borderId="5" xfId="0" applyFont="1" applyFill="1" applyBorder="1" applyAlignment="1" applyProtection="1">
      <alignment horizontal="right" vertical="center" shrinkToFit="1"/>
    </xf>
    <xf numFmtId="0" fontId="4" fillId="3" borderId="0" xfId="0" applyFont="1" applyFill="1" applyBorder="1" applyAlignment="1" applyProtection="1">
      <alignment vertical="center" shrinkToFit="1"/>
    </xf>
    <xf numFmtId="0" fontId="4" fillId="0" borderId="1" xfId="0" applyFont="1" applyFill="1" applyBorder="1" applyAlignment="1" applyProtection="1">
      <alignment horizontal="right" vertical="center"/>
    </xf>
    <xf numFmtId="0" fontId="4" fillId="0" borderId="2" xfId="0" applyFont="1" applyFill="1" applyBorder="1" applyAlignment="1" applyProtection="1">
      <alignment horizontal="right" vertical="center"/>
    </xf>
    <xf numFmtId="0" fontId="4" fillId="3" borderId="2" xfId="0" applyFont="1" applyFill="1" applyBorder="1" applyAlignment="1" applyProtection="1">
      <alignment horizontal="center" vertical="center" shrinkToFit="1"/>
    </xf>
    <xf numFmtId="49" fontId="6" fillId="0" borderId="0" xfId="0" applyNumberFormat="1" applyFont="1" applyFill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CCFFFF"/>
      <color rgb="FF99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CC28F8-DF29-438A-81F0-0F7426C12372}">
  <dimension ref="A1:AB60"/>
  <sheetViews>
    <sheetView tabSelected="1" view="pageBreakPreview" zoomScale="130" zoomScaleSheetLayoutView="130" workbookViewId="0">
      <selection activeCell="AD52" sqref="AD52"/>
    </sheetView>
  </sheetViews>
  <sheetFormatPr defaultColWidth="9" defaultRowHeight="13.5" x14ac:dyDescent="0.15"/>
  <cols>
    <col min="1" max="28" width="3.125" style="3" customWidth="1"/>
    <col min="29" max="29" width="9" style="1" customWidth="1"/>
    <col min="30" max="16384" width="9" style="1"/>
  </cols>
  <sheetData>
    <row r="1" spans="1:28" ht="15.75" customHeight="1" x14ac:dyDescent="0.15">
      <c r="A1" s="47" t="s">
        <v>3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47"/>
      <c r="AB1" s="47"/>
    </row>
    <row r="2" spans="1:28" ht="8.4499999999999993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</row>
    <row r="3" spans="1:28" ht="41.45" customHeight="1" x14ac:dyDescent="0.15">
      <c r="A3" s="48" t="s">
        <v>111</v>
      </c>
      <c r="B3" s="48"/>
      <c r="C3" s="48"/>
      <c r="D3" s="48"/>
      <c r="E3" s="48"/>
      <c r="F3" s="48"/>
      <c r="G3" s="48"/>
      <c r="H3" s="48"/>
      <c r="I3" s="48"/>
      <c r="J3" s="48"/>
      <c r="K3" s="48"/>
      <c r="L3" s="48"/>
      <c r="M3" s="48"/>
      <c r="N3" s="48"/>
      <c r="O3" s="48"/>
      <c r="P3" s="48"/>
      <c r="Q3" s="48"/>
      <c r="R3" s="48"/>
      <c r="S3" s="48"/>
      <c r="T3" s="48"/>
      <c r="U3" s="48"/>
      <c r="V3" s="48"/>
      <c r="W3" s="48"/>
      <c r="X3" s="48"/>
      <c r="Y3" s="48"/>
      <c r="Z3" s="48"/>
      <c r="AA3" s="48"/>
      <c r="AB3" s="48"/>
    </row>
    <row r="4" spans="1:28" ht="18.95" customHeight="1" x14ac:dyDescent="0.15">
      <c r="A4" s="44" t="s">
        <v>115</v>
      </c>
      <c r="B4" s="45"/>
      <c r="C4" s="45"/>
      <c r="D4" s="46"/>
      <c r="E4" s="8"/>
      <c r="F4" s="9" t="s">
        <v>4</v>
      </c>
      <c r="G4" s="31"/>
      <c r="H4" s="9" t="s">
        <v>1</v>
      </c>
      <c r="I4" s="31"/>
      <c r="J4" s="9" t="s">
        <v>5</v>
      </c>
      <c r="K4" s="31"/>
      <c r="L4" s="9" t="s">
        <v>6</v>
      </c>
      <c r="M4" s="10"/>
      <c r="N4" s="11"/>
      <c r="O4" s="38" t="s">
        <v>113</v>
      </c>
      <c r="P4" s="39"/>
      <c r="Q4" s="39"/>
      <c r="R4" s="39"/>
      <c r="S4" s="39"/>
      <c r="T4" s="40"/>
      <c r="U4" s="41"/>
      <c r="V4" s="42"/>
      <c r="W4" s="42"/>
      <c r="X4" s="42"/>
      <c r="Y4" s="42"/>
      <c r="Z4" s="42"/>
      <c r="AA4" s="42"/>
      <c r="AB4" s="43"/>
    </row>
    <row r="5" spans="1:28" ht="18.95" customHeight="1" x14ac:dyDescent="0.15">
      <c r="A5" s="38" t="s">
        <v>116</v>
      </c>
      <c r="B5" s="39"/>
      <c r="C5" s="39"/>
      <c r="D5" s="40"/>
      <c r="E5" s="41"/>
      <c r="F5" s="42"/>
      <c r="G5" s="42"/>
      <c r="H5" s="42"/>
      <c r="I5" s="42"/>
      <c r="J5" s="42"/>
      <c r="K5" s="42"/>
      <c r="L5" s="42"/>
      <c r="M5" s="42"/>
      <c r="N5" s="43"/>
      <c r="O5" s="44" t="s">
        <v>114</v>
      </c>
      <c r="P5" s="45"/>
      <c r="Q5" s="45"/>
      <c r="R5" s="45"/>
      <c r="S5" s="46"/>
      <c r="T5" s="41"/>
      <c r="U5" s="42"/>
      <c r="V5" s="42"/>
      <c r="W5" s="42"/>
      <c r="X5" s="42"/>
      <c r="Y5" s="42"/>
      <c r="Z5" s="42"/>
      <c r="AA5" s="42"/>
      <c r="AB5" s="43"/>
    </row>
    <row r="6" spans="1:28" ht="8.4499999999999993" customHeight="1" x14ac:dyDescent="0.15">
      <c r="A6" s="6"/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</row>
    <row r="7" spans="1:28" ht="15.75" customHeight="1" x14ac:dyDescent="0.15">
      <c r="A7" s="49" t="s">
        <v>112</v>
      </c>
      <c r="B7" s="50"/>
      <c r="C7" s="51"/>
      <c r="D7" s="68" t="s">
        <v>26</v>
      </c>
      <c r="E7" s="70" t="s">
        <v>7</v>
      </c>
      <c r="F7" s="70"/>
      <c r="G7" s="70"/>
      <c r="H7" s="70"/>
      <c r="I7" s="70"/>
      <c r="J7" s="70"/>
      <c r="K7" s="70"/>
      <c r="L7" s="70"/>
      <c r="M7" s="70"/>
      <c r="N7" s="70"/>
      <c r="O7" s="70"/>
      <c r="P7" s="70"/>
      <c r="Q7" s="70"/>
      <c r="R7" s="70"/>
      <c r="S7" s="70"/>
      <c r="T7" s="70"/>
      <c r="U7" s="70"/>
      <c r="V7" s="70"/>
      <c r="W7" s="70"/>
      <c r="X7" s="70"/>
      <c r="Y7" s="70"/>
      <c r="Z7" s="70"/>
      <c r="AA7" s="70"/>
      <c r="AB7" s="71"/>
    </row>
    <row r="8" spans="1:28" ht="15.75" customHeight="1" x14ac:dyDescent="0.15">
      <c r="A8" s="52"/>
      <c r="B8" s="53"/>
      <c r="C8" s="54"/>
      <c r="D8" s="69"/>
      <c r="E8" s="72"/>
      <c r="F8" s="72"/>
      <c r="G8" s="72"/>
      <c r="H8" s="72"/>
      <c r="I8" s="72"/>
      <c r="J8" s="72"/>
      <c r="K8" s="72"/>
      <c r="L8" s="72"/>
      <c r="M8" s="72"/>
      <c r="N8" s="72"/>
      <c r="O8" s="72"/>
      <c r="P8" s="72"/>
      <c r="Q8" s="72"/>
      <c r="R8" s="72"/>
      <c r="S8" s="72"/>
      <c r="T8" s="72"/>
      <c r="U8" s="72"/>
      <c r="V8" s="72"/>
      <c r="W8" s="72"/>
      <c r="X8" s="72"/>
      <c r="Y8" s="72"/>
      <c r="Z8" s="72"/>
      <c r="AA8" s="72"/>
      <c r="AB8" s="73"/>
    </row>
    <row r="9" spans="1:28" ht="8.4499999999999993" customHeight="1" x14ac:dyDescent="0.15">
      <c r="A9" s="6"/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6"/>
      <c r="S9" s="6"/>
      <c r="T9" s="6"/>
      <c r="U9" s="6"/>
      <c r="V9" s="6"/>
      <c r="W9" s="6"/>
      <c r="X9" s="6"/>
      <c r="Y9" s="6"/>
      <c r="Z9" s="6"/>
      <c r="AA9" s="6"/>
      <c r="AB9" s="6"/>
    </row>
    <row r="10" spans="1:28" ht="15.75" customHeight="1" x14ac:dyDescent="0.15">
      <c r="A10" s="49" t="s">
        <v>14</v>
      </c>
      <c r="B10" s="51"/>
      <c r="C10" s="55"/>
      <c r="D10" s="56"/>
      <c r="E10" s="56"/>
      <c r="F10" s="56"/>
      <c r="G10" s="56"/>
      <c r="H10" s="56"/>
      <c r="I10" s="56"/>
      <c r="J10" s="56"/>
      <c r="K10" s="57"/>
      <c r="L10" s="58" t="s">
        <v>0</v>
      </c>
      <c r="M10" s="51"/>
      <c r="N10" s="59"/>
      <c r="O10" s="60"/>
      <c r="P10" s="61"/>
      <c r="Q10" s="49" t="s">
        <v>13</v>
      </c>
      <c r="R10" s="51"/>
      <c r="S10" s="68" t="s">
        <v>8</v>
      </c>
      <c r="T10" s="76"/>
      <c r="U10" s="76"/>
      <c r="V10" s="77"/>
      <c r="W10" s="77"/>
      <c r="X10" s="14" t="s">
        <v>1</v>
      </c>
      <c r="Y10" s="32"/>
      <c r="Z10" s="14" t="s">
        <v>5</v>
      </c>
      <c r="AA10" s="32"/>
      <c r="AB10" s="15" t="s">
        <v>6</v>
      </c>
    </row>
    <row r="11" spans="1:28" ht="15.75" customHeight="1" x14ac:dyDescent="0.15">
      <c r="A11" s="52"/>
      <c r="B11" s="54"/>
      <c r="C11" s="62"/>
      <c r="D11" s="63"/>
      <c r="E11" s="63"/>
      <c r="F11" s="63"/>
      <c r="G11" s="63"/>
      <c r="H11" s="63"/>
      <c r="I11" s="63"/>
      <c r="J11" s="63"/>
      <c r="K11" s="64"/>
      <c r="L11" s="52"/>
      <c r="M11" s="54"/>
      <c r="N11" s="65" t="s">
        <v>12</v>
      </c>
      <c r="O11" s="66"/>
      <c r="P11" s="67"/>
      <c r="Q11" s="52"/>
      <c r="R11" s="54"/>
      <c r="S11" s="16" t="s">
        <v>9</v>
      </c>
      <c r="T11" s="33"/>
      <c r="U11" s="12" t="s">
        <v>2</v>
      </c>
      <c r="V11" s="33"/>
      <c r="W11" s="12" t="s">
        <v>10</v>
      </c>
      <c r="X11" s="12"/>
      <c r="Y11" s="74" t="s">
        <v>11</v>
      </c>
      <c r="Z11" s="74"/>
      <c r="AA11" s="74"/>
      <c r="AB11" s="75"/>
    </row>
    <row r="12" spans="1:28" ht="15.75" customHeight="1" x14ac:dyDescent="0.15">
      <c r="A12" s="18" t="s">
        <v>15</v>
      </c>
      <c r="B12" s="19"/>
      <c r="C12" s="19"/>
      <c r="D12" s="19"/>
      <c r="E12" s="20"/>
      <c r="F12" s="79" t="s">
        <v>16</v>
      </c>
      <c r="G12" s="80"/>
      <c r="H12" s="80"/>
      <c r="I12" s="80"/>
      <c r="J12" s="80"/>
      <c r="K12" s="81"/>
      <c r="L12" s="81"/>
      <c r="M12" s="10" t="s">
        <v>17</v>
      </c>
      <c r="N12" s="28"/>
      <c r="O12" s="10"/>
      <c r="P12" s="80" t="s">
        <v>18</v>
      </c>
      <c r="Q12" s="80"/>
      <c r="R12" s="80"/>
      <c r="S12" s="80"/>
      <c r="T12" s="81"/>
      <c r="U12" s="81"/>
      <c r="V12" s="81"/>
      <c r="W12" s="81"/>
      <c r="X12" s="10" t="s">
        <v>19</v>
      </c>
      <c r="Y12" s="10"/>
      <c r="Z12" s="10"/>
      <c r="AA12" s="10"/>
      <c r="AB12" s="11"/>
    </row>
    <row r="13" spans="1:28" ht="15.75" customHeight="1" x14ac:dyDescent="0.15">
      <c r="A13" s="21" t="s">
        <v>20</v>
      </c>
      <c r="B13" s="17"/>
      <c r="C13" s="17"/>
      <c r="D13" s="17"/>
      <c r="E13" s="17"/>
      <c r="F13" s="17"/>
      <c r="G13" s="17"/>
      <c r="H13" s="17"/>
      <c r="I13" s="17" t="s">
        <v>21</v>
      </c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27"/>
    </row>
    <row r="14" spans="1:28" ht="15.75" customHeight="1" x14ac:dyDescent="0.15">
      <c r="A14" s="22"/>
      <c r="B14" s="7" t="s">
        <v>26</v>
      </c>
      <c r="C14" s="4" t="s">
        <v>22</v>
      </c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  <c r="AA14" s="4"/>
      <c r="AB14" s="23"/>
    </row>
    <row r="15" spans="1:28" ht="15.75" customHeight="1" x14ac:dyDescent="0.15">
      <c r="A15" s="22" t="s">
        <v>76</v>
      </c>
      <c r="B15" s="4"/>
      <c r="C15" s="4"/>
      <c r="D15" s="4"/>
      <c r="E15" s="4"/>
      <c r="F15" s="4"/>
      <c r="G15" s="4"/>
      <c r="H15" s="2"/>
      <c r="I15" s="7" t="s">
        <v>26</v>
      </c>
      <c r="J15" s="4" t="s">
        <v>23</v>
      </c>
      <c r="K15" s="4"/>
      <c r="L15" s="4"/>
      <c r="M15" s="4"/>
      <c r="N15" s="7" t="s">
        <v>26</v>
      </c>
      <c r="O15" s="4" t="s">
        <v>29</v>
      </c>
      <c r="P15" s="4"/>
      <c r="Q15" s="4"/>
      <c r="R15" s="4"/>
      <c r="S15" s="4"/>
      <c r="T15" s="7" t="s">
        <v>26</v>
      </c>
      <c r="U15" s="4" t="s">
        <v>30</v>
      </c>
      <c r="V15" s="2"/>
      <c r="W15" s="2"/>
      <c r="X15" s="4"/>
      <c r="Y15" s="2"/>
      <c r="Z15" s="4"/>
      <c r="AA15" s="2"/>
      <c r="AB15" s="23"/>
    </row>
    <row r="16" spans="1:28" ht="15.75" customHeight="1" x14ac:dyDescent="0.15">
      <c r="A16" s="22"/>
      <c r="B16" s="4" t="s">
        <v>24</v>
      </c>
      <c r="C16" s="4"/>
      <c r="D16" s="4"/>
      <c r="E16" s="4"/>
      <c r="F16" s="7" t="s">
        <v>26</v>
      </c>
      <c r="G16" s="4" t="s">
        <v>50</v>
      </c>
      <c r="H16" s="4"/>
      <c r="I16" s="4"/>
      <c r="J16" s="7" t="s">
        <v>26</v>
      </c>
      <c r="K16" s="4" t="s">
        <v>25</v>
      </c>
      <c r="L16" s="2"/>
      <c r="M16" s="4"/>
      <c r="N16" s="2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23"/>
    </row>
    <row r="17" spans="1:28" ht="15.75" customHeight="1" x14ac:dyDescent="0.15">
      <c r="A17" s="22" t="s">
        <v>77</v>
      </c>
      <c r="B17" s="4"/>
      <c r="C17" s="4"/>
      <c r="D17" s="4"/>
      <c r="E17" s="4"/>
      <c r="F17" s="7"/>
      <c r="G17" s="4"/>
      <c r="H17" s="7" t="s">
        <v>26</v>
      </c>
      <c r="I17" s="4" t="s">
        <v>42</v>
      </c>
      <c r="J17" s="4"/>
      <c r="K17" s="4"/>
      <c r="L17" s="4"/>
      <c r="M17" s="7" t="s">
        <v>26</v>
      </c>
      <c r="N17" s="4" t="s">
        <v>27</v>
      </c>
      <c r="O17" s="4"/>
      <c r="P17" s="4"/>
      <c r="Q17" s="4"/>
      <c r="R17" s="2"/>
      <c r="S17" s="7" t="s">
        <v>26</v>
      </c>
      <c r="T17" s="4" t="s">
        <v>43</v>
      </c>
      <c r="U17" s="2"/>
      <c r="V17" s="4"/>
      <c r="W17" s="4"/>
      <c r="X17" s="7" t="s">
        <v>26</v>
      </c>
      <c r="Y17" s="4" t="s">
        <v>28</v>
      </c>
      <c r="Z17" s="4"/>
      <c r="AA17" s="2"/>
      <c r="AB17" s="23"/>
    </row>
    <row r="18" spans="1:28" ht="15.75" customHeight="1" x14ac:dyDescent="0.15">
      <c r="A18" s="22"/>
      <c r="B18" s="4" t="s">
        <v>24</v>
      </c>
      <c r="C18" s="4"/>
      <c r="D18" s="4"/>
      <c r="E18" s="4"/>
      <c r="F18" s="7" t="s">
        <v>26</v>
      </c>
      <c r="G18" s="4" t="s">
        <v>50</v>
      </c>
      <c r="H18" s="4"/>
      <c r="I18" s="4"/>
      <c r="J18" s="7" t="s">
        <v>26</v>
      </c>
      <c r="K18" s="4" t="s">
        <v>25</v>
      </c>
      <c r="L18" s="2"/>
      <c r="M18" s="4"/>
      <c r="N18" s="4"/>
      <c r="O18" s="4"/>
      <c r="P18" s="4"/>
      <c r="Q18" s="4"/>
      <c r="R18" s="4"/>
      <c r="S18" s="2"/>
      <c r="T18" s="4"/>
      <c r="U18" s="4"/>
      <c r="V18" s="4"/>
      <c r="W18" s="4"/>
      <c r="X18" s="4"/>
      <c r="Y18" s="4"/>
      <c r="Z18" s="4"/>
      <c r="AA18" s="4"/>
      <c r="AB18" s="23"/>
    </row>
    <row r="19" spans="1:28" ht="15.75" customHeight="1" x14ac:dyDescent="0.15">
      <c r="A19" s="22"/>
      <c r="B19" s="4" t="s">
        <v>31</v>
      </c>
      <c r="C19" s="4"/>
      <c r="D19" s="4"/>
      <c r="E19" s="4"/>
      <c r="F19" s="4" t="s">
        <v>32</v>
      </c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23"/>
    </row>
    <row r="20" spans="1:28" ht="15.75" customHeight="1" x14ac:dyDescent="0.15">
      <c r="A20" s="16"/>
      <c r="B20" s="12" t="s">
        <v>33</v>
      </c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63"/>
      <c r="P20" s="63"/>
      <c r="Q20" s="63"/>
      <c r="R20" s="63"/>
      <c r="S20" s="63"/>
      <c r="T20" s="63"/>
      <c r="U20" s="63"/>
      <c r="V20" s="63"/>
      <c r="W20" s="63"/>
      <c r="X20" s="63"/>
      <c r="Y20" s="63"/>
      <c r="Z20" s="63"/>
      <c r="AA20" s="63"/>
      <c r="AB20" s="13" t="s">
        <v>34</v>
      </c>
    </row>
    <row r="21" spans="1:28" ht="15.75" customHeight="1" x14ac:dyDescent="0.15">
      <c r="A21" s="21" t="s">
        <v>35</v>
      </c>
      <c r="B21" s="17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27"/>
    </row>
    <row r="22" spans="1:28" ht="15.75" customHeight="1" x14ac:dyDescent="0.15">
      <c r="A22" s="22" t="s">
        <v>36</v>
      </c>
      <c r="B22" s="4"/>
      <c r="C22" s="4"/>
      <c r="D22" s="4"/>
      <c r="E22" s="4"/>
      <c r="F22" s="4"/>
      <c r="G22" s="4"/>
      <c r="H22" s="4"/>
      <c r="I22" s="4"/>
      <c r="J22" s="4"/>
      <c r="K22" s="4"/>
      <c r="L22" s="2"/>
      <c r="M22" s="2"/>
      <c r="N22" s="2"/>
      <c r="O22" s="2"/>
      <c r="P22" s="29" t="s">
        <v>26</v>
      </c>
      <c r="Q22" s="10" t="s">
        <v>49</v>
      </c>
      <c r="R22" s="10"/>
      <c r="S22" s="10"/>
      <c r="T22" s="30" t="s">
        <v>26</v>
      </c>
      <c r="U22" s="10" t="s">
        <v>37</v>
      </c>
      <c r="V22" s="28"/>
      <c r="W22" s="11"/>
      <c r="X22" s="4"/>
      <c r="Y22" s="4"/>
      <c r="Z22" s="4"/>
      <c r="AA22" s="4"/>
      <c r="AB22" s="23"/>
    </row>
    <row r="23" spans="1:28" ht="15.75" customHeight="1" x14ac:dyDescent="0.15">
      <c r="A23" s="22"/>
      <c r="B23" s="4" t="s">
        <v>60</v>
      </c>
      <c r="C23" s="4"/>
      <c r="D23" s="78"/>
      <c r="E23" s="78"/>
      <c r="F23" s="78"/>
      <c r="G23" s="78"/>
      <c r="H23" s="78"/>
      <c r="I23" s="78"/>
      <c r="J23" s="78"/>
      <c r="K23" s="78"/>
      <c r="L23" s="78"/>
      <c r="M23" s="78"/>
      <c r="N23" s="4" t="s">
        <v>34</v>
      </c>
      <c r="O23" s="4" t="s">
        <v>38</v>
      </c>
      <c r="P23" s="4"/>
      <c r="Q23" s="4" t="s">
        <v>33</v>
      </c>
      <c r="R23" s="78"/>
      <c r="S23" s="78"/>
      <c r="T23" s="78"/>
      <c r="U23" s="78"/>
      <c r="V23" s="78"/>
      <c r="W23" s="78"/>
      <c r="X23" s="78"/>
      <c r="Y23" s="78"/>
      <c r="Z23" s="78"/>
      <c r="AA23" s="78"/>
      <c r="AB23" s="23" t="s">
        <v>34</v>
      </c>
    </row>
    <row r="24" spans="1:28" ht="15.75" customHeight="1" x14ac:dyDescent="0.15">
      <c r="A24" s="22"/>
      <c r="B24" s="4" t="s">
        <v>62</v>
      </c>
      <c r="C24" s="4"/>
      <c r="D24" s="4"/>
      <c r="E24" s="4"/>
      <c r="F24" s="4"/>
      <c r="G24" s="34"/>
      <c r="H24" s="4" t="s">
        <v>1</v>
      </c>
      <c r="I24" s="34"/>
      <c r="J24" s="4" t="s">
        <v>5</v>
      </c>
      <c r="K24" s="4" t="s">
        <v>39</v>
      </c>
      <c r="L24" s="4" t="s">
        <v>34</v>
      </c>
      <c r="M24" s="2"/>
      <c r="N24" s="2"/>
      <c r="O24" s="4" t="s">
        <v>66</v>
      </c>
      <c r="P24" s="4"/>
      <c r="Q24" s="4"/>
      <c r="R24" s="34"/>
      <c r="S24" s="4" t="s">
        <v>117</v>
      </c>
      <c r="T24" s="4"/>
      <c r="U24" s="34"/>
      <c r="V24" s="4" t="s">
        <v>41</v>
      </c>
      <c r="W24" s="4"/>
      <c r="X24" s="4"/>
      <c r="Y24" s="34"/>
      <c r="Z24" s="4" t="s">
        <v>65</v>
      </c>
      <c r="AA24" s="4"/>
      <c r="AB24" s="24" t="s">
        <v>34</v>
      </c>
    </row>
    <row r="25" spans="1:28" ht="15.75" customHeight="1" x14ac:dyDescent="0.15">
      <c r="A25" s="22" t="s">
        <v>44</v>
      </c>
      <c r="B25" s="4"/>
      <c r="C25" s="4"/>
      <c r="D25" s="4"/>
      <c r="E25" s="4"/>
      <c r="F25" s="4"/>
      <c r="G25" s="4"/>
      <c r="H25" s="4"/>
      <c r="I25" s="4"/>
      <c r="J25" s="4"/>
      <c r="K25" s="4"/>
      <c r="L25" s="2"/>
      <c r="M25" s="2"/>
      <c r="N25" s="2"/>
      <c r="O25" s="2"/>
      <c r="P25" s="29" t="s">
        <v>26</v>
      </c>
      <c r="Q25" s="10" t="s">
        <v>49</v>
      </c>
      <c r="R25" s="10"/>
      <c r="S25" s="10"/>
      <c r="T25" s="30" t="s">
        <v>26</v>
      </c>
      <c r="U25" s="10" t="s">
        <v>37</v>
      </c>
      <c r="V25" s="28"/>
      <c r="W25" s="11"/>
      <c r="X25" s="4"/>
      <c r="Y25" s="4"/>
      <c r="Z25" s="4"/>
      <c r="AA25" s="4"/>
      <c r="AB25" s="23"/>
    </row>
    <row r="26" spans="1:28" ht="15.75" customHeight="1" x14ac:dyDescent="0.15">
      <c r="A26" s="22"/>
      <c r="B26" s="4" t="s">
        <v>61</v>
      </c>
      <c r="C26" s="4"/>
      <c r="D26" s="78"/>
      <c r="E26" s="78"/>
      <c r="F26" s="78"/>
      <c r="G26" s="78"/>
      <c r="H26" s="78"/>
      <c r="I26" s="78"/>
      <c r="J26" s="78"/>
      <c r="K26" s="78"/>
      <c r="L26" s="78"/>
      <c r="M26" s="78"/>
      <c r="N26" s="4" t="s">
        <v>34</v>
      </c>
      <c r="O26" s="4" t="s">
        <v>51</v>
      </c>
      <c r="P26" s="2"/>
      <c r="Q26" s="34"/>
      <c r="R26" s="4" t="s">
        <v>40</v>
      </c>
      <c r="S26" s="2" t="s">
        <v>126</v>
      </c>
      <c r="T26" s="7" t="s">
        <v>26</v>
      </c>
      <c r="U26" s="4" t="s">
        <v>46</v>
      </c>
      <c r="V26" s="4"/>
      <c r="W26" s="7" t="s">
        <v>26</v>
      </c>
      <c r="X26" s="4" t="s">
        <v>47</v>
      </c>
      <c r="Y26" s="4"/>
      <c r="Z26" s="7" t="s">
        <v>26</v>
      </c>
      <c r="AA26" s="4" t="s">
        <v>45</v>
      </c>
      <c r="AB26" s="23" t="s">
        <v>34</v>
      </c>
    </row>
    <row r="27" spans="1:28" ht="15.75" customHeight="1" x14ac:dyDescent="0.15">
      <c r="A27" s="22" t="s">
        <v>52</v>
      </c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2"/>
      <c r="O27" s="4"/>
      <c r="P27" s="29" t="s">
        <v>26</v>
      </c>
      <c r="Q27" s="10" t="s">
        <v>49</v>
      </c>
      <c r="R27" s="10"/>
      <c r="S27" s="10"/>
      <c r="T27" s="30" t="s">
        <v>26</v>
      </c>
      <c r="U27" s="10" t="s">
        <v>37</v>
      </c>
      <c r="V27" s="28"/>
      <c r="W27" s="11"/>
      <c r="X27" s="4"/>
      <c r="Y27" s="4"/>
      <c r="Z27" s="4"/>
      <c r="AA27" s="4"/>
      <c r="AB27" s="23"/>
    </row>
    <row r="28" spans="1:28" ht="15.75" customHeight="1" x14ac:dyDescent="0.15">
      <c r="A28" s="22"/>
      <c r="B28" s="4" t="s">
        <v>60</v>
      </c>
      <c r="C28" s="4"/>
      <c r="D28" s="78"/>
      <c r="E28" s="78"/>
      <c r="F28" s="78"/>
      <c r="G28" s="78"/>
      <c r="H28" s="78"/>
      <c r="I28" s="78"/>
      <c r="J28" s="78"/>
      <c r="K28" s="78"/>
      <c r="L28" s="78"/>
      <c r="M28" s="78"/>
      <c r="N28" s="4" t="s">
        <v>34</v>
      </c>
      <c r="O28" s="4" t="s">
        <v>38</v>
      </c>
      <c r="P28" s="4"/>
      <c r="Q28" s="4" t="s">
        <v>33</v>
      </c>
      <c r="R28" s="78"/>
      <c r="S28" s="78"/>
      <c r="T28" s="78"/>
      <c r="U28" s="78"/>
      <c r="V28" s="78"/>
      <c r="W28" s="78"/>
      <c r="X28" s="78"/>
      <c r="Y28" s="78"/>
      <c r="Z28" s="78"/>
      <c r="AA28" s="78"/>
      <c r="AB28" s="23" t="s">
        <v>34</v>
      </c>
    </row>
    <row r="29" spans="1:28" ht="15.75" customHeight="1" x14ac:dyDescent="0.15">
      <c r="A29" s="22"/>
      <c r="B29" s="4" t="s">
        <v>62</v>
      </c>
      <c r="C29" s="4"/>
      <c r="D29" s="4"/>
      <c r="E29" s="4"/>
      <c r="F29" s="4"/>
      <c r="G29" s="34"/>
      <c r="H29" s="4" t="s">
        <v>1</v>
      </c>
      <c r="I29" s="34"/>
      <c r="J29" s="4" t="s">
        <v>63</v>
      </c>
      <c r="K29" s="4"/>
      <c r="L29" s="4"/>
      <c r="M29" s="34"/>
      <c r="N29" s="4" t="s">
        <v>1</v>
      </c>
      <c r="O29" s="34"/>
      <c r="P29" s="4" t="s">
        <v>5</v>
      </c>
      <c r="Q29" s="4" t="s">
        <v>34</v>
      </c>
      <c r="R29" s="2"/>
      <c r="S29" s="4" t="s">
        <v>64</v>
      </c>
      <c r="T29" s="4"/>
      <c r="U29" s="2"/>
      <c r="V29" s="34"/>
      <c r="W29" s="4" t="s">
        <v>2</v>
      </c>
      <c r="X29" s="34"/>
      <c r="Y29" s="4" t="s">
        <v>72</v>
      </c>
      <c r="Z29" s="2"/>
      <c r="AA29" s="4"/>
      <c r="AB29" s="24"/>
    </row>
    <row r="30" spans="1:28" ht="15.75" customHeight="1" x14ac:dyDescent="0.15">
      <c r="A30" s="22" t="s">
        <v>53</v>
      </c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2"/>
      <c r="O30" s="4"/>
      <c r="P30" s="29" t="s">
        <v>26</v>
      </c>
      <c r="Q30" s="10" t="s">
        <v>49</v>
      </c>
      <c r="R30" s="10"/>
      <c r="S30" s="10"/>
      <c r="T30" s="30" t="s">
        <v>26</v>
      </c>
      <c r="U30" s="10" t="s">
        <v>37</v>
      </c>
      <c r="V30" s="28"/>
      <c r="W30" s="11"/>
      <c r="X30" s="4"/>
      <c r="Y30" s="4"/>
      <c r="Z30" s="4"/>
      <c r="AA30" s="4"/>
      <c r="AB30" s="23"/>
    </row>
    <row r="31" spans="1:28" ht="15.75" customHeight="1" x14ac:dyDescent="0.15">
      <c r="A31" s="22"/>
      <c r="B31" s="4" t="s">
        <v>54</v>
      </c>
      <c r="C31" s="4"/>
      <c r="D31" s="4"/>
      <c r="E31" s="4"/>
      <c r="F31" s="2" t="s">
        <v>118</v>
      </c>
      <c r="G31" s="2"/>
      <c r="H31" s="34"/>
      <c r="I31" s="4" t="s">
        <v>1</v>
      </c>
      <c r="J31" s="34"/>
      <c r="K31" s="4" t="s">
        <v>56</v>
      </c>
      <c r="L31" s="4"/>
      <c r="M31" s="2"/>
      <c r="N31" s="4"/>
      <c r="O31" s="4" t="s">
        <v>55</v>
      </c>
      <c r="P31" s="4"/>
      <c r="Q31" s="4"/>
      <c r="R31" s="4" t="s">
        <v>118</v>
      </c>
      <c r="S31" s="4"/>
      <c r="T31" s="34"/>
      <c r="U31" s="4" t="s">
        <v>1</v>
      </c>
      <c r="V31" s="34"/>
      <c r="W31" s="4" t="s">
        <v>56</v>
      </c>
      <c r="X31" s="4"/>
      <c r="Y31" s="2"/>
      <c r="Z31" s="2"/>
      <c r="AA31" s="4"/>
      <c r="AB31" s="23"/>
    </row>
    <row r="32" spans="1:28" ht="15.75" customHeight="1" x14ac:dyDescent="0.15">
      <c r="A32" s="22" t="s">
        <v>57</v>
      </c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29" t="s">
        <v>26</v>
      </c>
      <c r="Q32" s="10" t="s">
        <v>49</v>
      </c>
      <c r="R32" s="10"/>
      <c r="S32" s="10"/>
      <c r="T32" s="30" t="s">
        <v>26</v>
      </c>
      <c r="U32" s="10" t="s">
        <v>37</v>
      </c>
      <c r="V32" s="28"/>
      <c r="W32" s="11"/>
      <c r="X32" s="4"/>
      <c r="Y32" s="4"/>
      <c r="Z32" s="4"/>
      <c r="AA32" s="4"/>
      <c r="AB32" s="23"/>
    </row>
    <row r="33" spans="1:28" ht="15.75" customHeight="1" x14ac:dyDescent="0.15">
      <c r="A33" s="22"/>
      <c r="B33" s="4" t="s">
        <v>59</v>
      </c>
      <c r="C33" s="4"/>
      <c r="D33" s="4"/>
      <c r="E33" s="4" t="s">
        <v>33</v>
      </c>
      <c r="F33" s="78"/>
      <c r="G33" s="78"/>
      <c r="H33" s="78"/>
      <c r="I33" s="78"/>
      <c r="J33" s="78"/>
      <c r="K33" s="78"/>
      <c r="L33" s="78"/>
      <c r="M33" s="78"/>
      <c r="N33" s="78"/>
      <c r="O33" s="78"/>
      <c r="P33" s="78"/>
      <c r="Q33" s="78"/>
      <c r="R33" s="78"/>
      <c r="S33" s="78"/>
      <c r="T33" s="78"/>
      <c r="U33" s="78"/>
      <c r="V33" s="78"/>
      <c r="W33" s="78"/>
      <c r="X33" s="78"/>
      <c r="Y33" s="78"/>
      <c r="Z33" s="78"/>
      <c r="AA33" s="78"/>
      <c r="AB33" s="23" t="s">
        <v>34</v>
      </c>
    </row>
    <row r="34" spans="1:28" ht="15.75" customHeight="1" x14ac:dyDescent="0.15">
      <c r="A34" s="22"/>
      <c r="B34" s="2" t="s">
        <v>67</v>
      </c>
      <c r="C34" s="2"/>
      <c r="D34" s="7" t="s">
        <v>26</v>
      </c>
      <c r="E34" s="2" t="s">
        <v>68</v>
      </c>
      <c r="F34" s="2"/>
      <c r="G34" s="2"/>
      <c r="H34" s="2"/>
      <c r="I34" s="7" t="s">
        <v>26</v>
      </c>
      <c r="J34" s="4" t="s">
        <v>69</v>
      </c>
      <c r="K34" s="2"/>
      <c r="L34" s="7" t="s">
        <v>26</v>
      </c>
      <c r="M34" s="2" t="s">
        <v>70</v>
      </c>
      <c r="N34" s="2"/>
      <c r="O34" s="2"/>
      <c r="P34" s="4"/>
      <c r="Q34" s="7" t="s">
        <v>26</v>
      </c>
      <c r="R34" s="4" t="s">
        <v>71</v>
      </c>
      <c r="S34" s="2"/>
      <c r="T34" s="2"/>
      <c r="U34" s="2"/>
      <c r="V34" s="2"/>
      <c r="W34" s="2"/>
      <c r="X34" s="4"/>
      <c r="Y34" s="4"/>
      <c r="Z34" s="4"/>
      <c r="AA34" s="4"/>
      <c r="AB34" s="23"/>
    </row>
    <row r="35" spans="1:28" ht="15.75" customHeight="1" x14ac:dyDescent="0.15">
      <c r="A35" s="22" t="s">
        <v>58</v>
      </c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29" t="s">
        <v>26</v>
      </c>
      <c r="Q35" s="10" t="s">
        <v>49</v>
      </c>
      <c r="R35" s="10"/>
      <c r="S35" s="10"/>
      <c r="T35" s="30" t="s">
        <v>26</v>
      </c>
      <c r="U35" s="10" t="s">
        <v>37</v>
      </c>
      <c r="V35" s="28"/>
      <c r="W35" s="11"/>
      <c r="X35" s="4"/>
      <c r="Y35" s="4"/>
      <c r="Z35" s="4"/>
      <c r="AA35" s="4"/>
      <c r="AB35" s="23"/>
    </row>
    <row r="36" spans="1:28" ht="15.75" customHeight="1" x14ac:dyDescent="0.15">
      <c r="A36" s="16"/>
      <c r="B36" s="12" t="s">
        <v>73</v>
      </c>
      <c r="C36" s="12"/>
      <c r="D36" s="25" t="s">
        <v>26</v>
      </c>
      <c r="E36" s="12" t="s">
        <v>75</v>
      </c>
      <c r="F36" s="12"/>
      <c r="G36" s="25" t="s">
        <v>26</v>
      </c>
      <c r="H36" s="12" t="s">
        <v>74</v>
      </c>
      <c r="I36" s="12"/>
      <c r="J36" s="26"/>
      <c r="K36" s="12" t="s">
        <v>78</v>
      </c>
      <c r="L36" s="12"/>
      <c r="M36" s="12"/>
      <c r="N36" s="26" t="s">
        <v>33</v>
      </c>
      <c r="O36" s="33"/>
      <c r="P36" s="12" t="s">
        <v>79</v>
      </c>
      <c r="Q36" s="12"/>
      <c r="R36" s="12"/>
      <c r="S36" s="12" t="s">
        <v>64</v>
      </c>
      <c r="T36" s="12"/>
      <c r="U36" s="26"/>
      <c r="V36" s="33"/>
      <c r="W36" s="12" t="s">
        <v>2</v>
      </c>
      <c r="X36" s="33"/>
      <c r="Y36" s="12" t="s">
        <v>72</v>
      </c>
      <c r="Z36" s="26"/>
      <c r="AA36" s="12"/>
      <c r="AB36" s="13"/>
    </row>
    <row r="37" spans="1:28" ht="15.75" customHeight="1" x14ac:dyDescent="0.15">
      <c r="A37" s="36" t="s">
        <v>80</v>
      </c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7"/>
      <c r="Z37" s="37"/>
      <c r="AA37" s="37"/>
      <c r="AB37" s="27"/>
    </row>
    <row r="38" spans="1:28" ht="15.4" customHeight="1" x14ac:dyDescent="0.15">
      <c r="A38" s="22" t="s">
        <v>119</v>
      </c>
      <c r="B38" s="4"/>
      <c r="C38" s="4"/>
      <c r="D38" s="4"/>
      <c r="E38" s="4"/>
      <c r="F38" s="7" t="s">
        <v>26</v>
      </c>
      <c r="G38" s="4" t="s">
        <v>81</v>
      </c>
      <c r="H38" s="4"/>
      <c r="I38" s="7" t="s">
        <v>26</v>
      </c>
      <c r="J38" s="4" t="s">
        <v>33</v>
      </c>
      <c r="K38" s="34"/>
      <c r="L38" s="4" t="s">
        <v>72</v>
      </c>
      <c r="M38" s="4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4"/>
      <c r="AB38" s="23"/>
    </row>
    <row r="39" spans="1:28" ht="15.4" customHeight="1" x14ac:dyDescent="0.15">
      <c r="A39" s="35" t="s">
        <v>121</v>
      </c>
      <c r="B39" s="4"/>
      <c r="C39" s="4"/>
      <c r="D39" s="4"/>
      <c r="E39" s="7" t="s">
        <v>26</v>
      </c>
      <c r="F39" s="4" t="s">
        <v>81</v>
      </c>
      <c r="G39" s="4"/>
      <c r="H39" s="7" t="s">
        <v>26</v>
      </c>
      <c r="I39" s="4" t="s">
        <v>33</v>
      </c>
      <c r="J39" s="34"/>
      <c r="K39" s="4" t="s">
        <v>72</v>
      </c>
      <c r="L39" s="4"/>
      <c r="M39" s="2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23"/>
    </row>
    <row r="40" spans="1:28" ht="15.4" customHeight="1" x14ac:dyDescent="0.15">
      <c r="A40" s="22" t="s">
        <v>120</v>
      </c>
      <c r="B40" s="4"/>
      <c r="C40" s="4"/>
      <c r="D40" s="7" t="s">
        <v>26</v>
      </c>
      <c r="E40" s="4" t="s">
        <v>81</v>
      </c>
      <c r="F40" s="4"/>
      <c r="G40" s="7" t="s">
        <v>26</v>
      </c>
      <c r="H40" s="4" t="s">
        <v>82</v>
      </c>
      <c r="I40" s="4"/>
      <c r="J40" s="4"/>
      <c r="K40" s="4"/>
      <c r="L40" s="7" t="s">
        <v>26</v>
      </c>
      <c r="M40" s="4" t="s">
        <v>83</v>
      </c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23"/>
    </row>
    <row r="41" spans="1:28" ht="15.4" customHeight="1" x14ac:dyDescent="0.15">
      <c r="A41" s="22" t="s">
        <v>122</v>
      </c>
      <c r="B41" s="4"/>
      <c r="C41" s="4"/>
      <c r="D41" s="7" t="s">
        <v>26</v>
      </c>
      <c r="E41" s="4" t="s">
        <v>81</v>
      </c>
      <c r="F41" s="4"/>
      <c r="G41" s="7" t="s">
        <v>26</v>
      </c>
      <c r="H41" s="4" t="s">
        <v>84</v>
      </c>
      <c r="I41" s="4"/>
      <c r="J41" s="2"/>
      <c r="K41" s="2"/>
      <c r="L41" s="2"/>
      <c r="M41" s="7" t="s">
        <v>26</v>
      </c>
      <c r="N41" s="4" t="s">
        <v>85</v>
      </c>
      <c r="O41" s="4"/>
      <c r="P41" s="4"/>
      <c r="Q41" s="4"/>
      <c r="R41" s="2"/>
      <c r="S41" s="2"/>
      <c r="T41" s="4"/>
      <c r="U41" s="4"/>
      <c r="W41" s="7" t="s">
        <v>26</v>
      </c>
      <c r="X41" s="4" t="s">
        <v>86</v>
      </c>
      <c r="Y41" s="4"/>
      <c r="Z41" s="4"/>
      <c r="AA41" s="4"/>
      <c r="AB41" s="23"/>
    </row>
    <row r="42" spans="1:28" ht="15.4" customHeight="1" x14ac:dyDescent="0.15">
      <c r="A42" s="22" t="s">
        <v>123</v>
      </c>
      <c r="B42" s="4"/>
      <c r="C42" s="4"/>
      <c r="D42" s="7" t="s">
        <v>26</v>
      </c>
      <c r="E42" s="4" t="s">
        <v>87</v>
      </c>
      <c r="F42" s="4"/>
      <c r="G42" s="7" t="s">
        <v>26</v>
      </c>
      <c r="H42" s="4" t="s">
        <v>88</v>
      </c>
      <c r="I42" s="4"/>
      <c r="J42" s="4"/>
      <c r="K42" s="4"/>
      <c r="L42" s="7" t="s">
        <v>26</v>
      </c>
      <c r="M42" s="4" t="s">
        <v>89</v>
      </c>
      <c r="N42" s="4"/>
      <c r="O42" s="4" t="s">
        <v>33</v>
      </c>
      <c r="P42" s="7" t="s">
        <v>26</v>
      </c>
      <c r="Q42" s="4" t="s">
        <v>90</v>
      </c>
      <c r="R42" s="4"/>
      <c r="S42" s="4"/>
      <c r="T42" s="7" t="s">
        <v>26</v>
      </c>
      <c r="U42" s="4" t="s">
        <v>91</v>
      </c>
      <c r="V42" s="4"/>
      <c r="W42" s="4"/>
      <c r="X42" s="7" t="s">
        <v>26</v>
      </c>
      <c r="Y42" s="4" t="s">
        <v>92</v>
      </c>
      <c r="Z42" s="4" t="s">
        <v>34</v>
      </c>
      <c r="AA42" s="4"/>
      <c r="AB42" s="23"/>
    </row>
    <row r="43" spans="1:28" ht="15.4" customHeight="1" x14ac:dyDescent="0.15">
      <c r="A43" s="22" t="s">
        <v>124</v>
      </c>
      <c r="B43" s="4"/>
      <c r="C43" s="4"/>
      <c r="D43" s="7" t="s">
        <v>26</v>
      </c>
      <c r="E43" s="4" t="s">
        <v>93</v>
      </c>
      <c r="F43" s="4"/>
      <c r="G43" s="7" t="s">
        <v>26</v>
      </c>
      <c r="H43" s="4" t="s">
        <v>88</v>
      </c>
      <c r="I43" s="4"/>
      <c r="J43" s="4"/>
      <c r="K43" s="4"/>
      <c r="L43" s="7" t="s">
        <v>26</v>
      </c>
      <c r="M43" s="4" t="s">
        <v>94</v>
      </c>
      <c r="N43" s="4"/>
      <c r="O43" s="4"/>
      <c r="P43" s="4"/>
      <c r="Q43" s="4"/>
      <c r="R43" s="4"/>
      <c r="S43" s="4"/>
      <c r="T43" s="4"/>
      <c r="U43" s="7" t="s">
        <v>26</v>
      </c>
      <c r="V43" s="4" t="s">
        <v>95</v>
      </c>
      <c r="W43" s="4"/>
      <c r="Y43" s="4"/>
      <c r="Z43" s="4"/>
      <c r="AA43" s="4"/>
      <c r="AB43" s="23"/>
    </row>
    <row r="44" spans="1:28" ht="15.4" customHeight="1" x14ac:dyDescent="0.15">
      <c r="A44" s="22" t="s">
        <v>125</v>
      </c>
      <c r="B44" s="4"/>
      <c r="C44" s="4"/>
      <c r="D44" s="7" t="s">
        <v>26</v>
      </c>
      <c r="E44" s="4" t="s">
        <v>87</v>
      </c>
      <c r="F44" s="4"/>
      <c r="G44" s="7" t="s">
        <v>26</v>
      </c>
      <c r="H44" s="4" t="s">
        <v>96</v>
      </c>
      <c r="I44" s="4"/>
      <c r="J44" s="4"/>
      <c r="K44" s="4"/>
      <c r="L44" s="7" t="s">
        <v>26</v>
      </c>
      <c r="M44" s="4" t="s">
        <v>95</v>
      </c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23"/>
    </row>
    <row r="45" spans="1:28" ht="15.4" customHeight="1" x14ac:dyDescent="0.15">
      <c r="A45" s="22"/>
      <c r="B45" s="4" t="s">
        <v>97</v>
      </c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23"/>
    </row>
    <row r="46" spans="1:28" ht="15.4" customHeight="1" x14ac:dyDescent="0.15">
      <c r="A46" s="22"/>
      <c r="B46" s="7" t="s">
        <v>26</v>
      </c>
      <c r="C46" s="4" t="s">
        <v>98</v>
      </c>
      <c r="D46" s="4"/>
      <c r="E46" s="7" t="s">
        <v>26</v>
      </c>
      <c r="F46" s="4" t="s">
        <v>99</v>
      </c>
      <c r="G46" s="4"/>
      <c r="H46" s="7" t="s">
        <v>26</v>
      </c>
      <c r="I46" s="4" t="s">
        <v>100</v>
      </c>
      <c r="J46" s="4"/>
      <c r="K46" s="4"/>
      <c r="L46" s="7" t="s">
        <v>26</v>
      </c>
      <c r="M46" s="4" t="s">
        <v>101</v>
      </c>
      <c r="N46" s="4"/>
      <c r="O46" s="7" t="s">
        <v>26</v>
      </c>
      <c r="P46" s="4" t="s">
        <v>102</v>
      </c>
      <c r="Q46" s="4"/>
      <c r="R46" s="7" t="s">
        <v>26</v>
      </c>
      <c r="S46" s="4" t="s">
        <v>103</v>
      </c>
      <c r="T46" s="4"/>
      <c r="U46" s="4"/>
      <c r="V46" s="4"/>
      <c r="W46" s="4"/>
      <c r="X46" s="4"/>
      <c r="Y46" s="4"/>
      <c r="Z46" s="4"/>
      <c r="AA46" s="4"/>
      <c r="AB46" s="23"/>
    </row>
    <row r="47" spans="1:28" ht="15.4" customHeight="1" x14ac:dyDescent="0.15">
      <c r="A47" s="22"/>
      <c r="B47" s="7" t="s">
        <v>26</v>
      </c>
      <c r="C47" s="4" t="s">
        <v>104</v>
      </c>
      <c r="D47" s="4"/>
      <c r="E47" s="4"/>
      <c r="F47" s="4"/>
      <c r="G47" s="4"/>
      <c r="H47" s="4"/>
      <c r="I47" s="4"/>
      <c r="J47" s="4"/>
      <c r="K47" s="7" t="s">
        <v>26</v>
      </c>
      <c r="L47" s="4" t="s">
        <v>105</v>
      </c>
      <c r="M47" s="4"/>
      <c r="N47" s="4"/>
      <c r="O47" s="4"/>
      <c r="P47" s="4"/>
      <c r="Q47" s="7" t="s">
        <v>26</v>
      </c>
      <c r="R47" s="4" t="s">
        <v>106</v>
      </c>
      <c r="S47" s="4"/>
      <c r="T47" s="4"/>
      <c r="U47" s="4"/>
      <c r="V47" s="4"/>
      <c r="W47" s="4"/>
      <c r="X47" s="4"/>
      <c r="Y47" s="4"/>
      <c r="Z47" s="4"/>
      <c r="AA47" s="4"/>
      <c r="AB47" s="23"/>
    </row>
    <row r="48" spans="1:28" ht="15.4" customHeight="1" x14ac:dyDescent="0.15">
      <c r="A48" s="22"/>
      <c r="B48" s="7" t="s">
        <v>26</v>
      </c>
      <c r="C48" s="4" t="s">
        <v>107</v>
      </c>
      <c r="D48" s="4"/>
      <c r="E48" s="4"/>
      <c r="F48" s="4"/>
      <c r="G48" s="4" t="s">
        <v>33</v>
      </c>
      <c r="H48" s="78"/>
      <c r="I48" s="78"/>
      <c r="J48" s="78"/>
      <c r="K48" s="78"/>
      <c r="L48" s="78"/>
      <c r="M48" s="78"/>
      <c r="N48" s="78"/>
      <c r="O48" s="78"/>
      <c r="P48" s="78"/>
      <c r="Q48" s="78"/>
      <c r="R48" s="78"/>
      <c r="S48" s="78"/>
      <c r="T48" s="78"/>
      <c r="U48" s="78"/>
      <c r="V48" s="78"/>
      <c r="W48" s="78"/>
      <c r="X48" s="78"/>
      <c r="Y48" s="78"/>
      <c r="Z48" s="78"/>
      <c r="AA48" s="78"/>
      <c r="AB48" s="23" t="s">
        <v>34</v>
      </c>
    </row>
    <row r="49" spans="1:28" ht="15.4" customHeight="1" x14ac:dyDescent="0.15">
      <c r="A49" s="22" t="s">
        <v>108</v>
      </c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29" t="s">
        <v>26</v>
      </c>
      <c r="S49" s="10" t="s">
        <v>49</v>
      </c>
      <c r="T49" s="10"/>
      <c r="U49" s="10"/>
      <c r="V49" s="30" t="s">
        <v>26</v>
      </c>
      <c r="W49" s="10" t="s">
        <v>37</v>
      </c>
      <c r="X49" s="28"/>
      <c r="Y49" s="11"/>
      <c r="Z49" s="4"/>
      <c r="AA49" s="4"/>
      <c r="AB49" s="23"/>
    </row>
    <row r="50" spans="1:28" ht="15.4" customHeight="1" x14ac:dyDescent="0.15">
      <c r="A50" s="16"/>
      <c r="B50" s="12" t="s">
        <v>109</v>
      </c>
      <c r="C50" s="12"/>
      <c r="D50" s="12"/>
      <c r="E50" s="12" t="s">
        <v>33</v>
      </c>
      <c r="F50" s="63"/>
      <c r="G50" s="63"/>
      <c r="H50" s="63"/>
      <c r="I50" s="63"/>
      <c r="J50" s="63"/>
      <c r="K50" s="63"/>
      <c r="L50" s="63"/>
      <c r="M50" s="63"/>
      <c r="N50" s="63"/>
      <c r="O50" s="63"/>
      <c r="P50" s="63"/>
      <c r="Q50" s="63"/>
      <c r="R50" s="63"/>
      <c r="S50" s="63"/>
      <c r="T50" s="63"/>
      <c r="U50" s="63"/>
      <c r="V50" s="63"/>
      <c r="W50" s="63"/>
      <c r="X50" s="63"/>
      <c r="Y50" s="63"/>
      <c r="Z50" s="63"/>
      <c r="AA50" s="63"/>
      <c r="AB50" s="13" t="s">
        <v>34</v>
      </c>
    </row>
    <row r="51" spans="1:28" ht="12.4" customHeight="1" x14ac:dyDescent="0.15">
      <c r="A51" s="82" t="s">
        <v>110</v>
      </c>
      <c r="B51" s="82"/>
      <c r="C51" s="82"/>
      <c r="D51" s="82"/>
      <c r="E51" s="82"/>
      <c r="F51" s="82"/>
      <c r="G51" s="82"/>
      <c r="H51" s="82"/>
      <c r="I51" s="82"/>
      <c r="J51" s="82"/>
      <c r="K51" s="82"/>
      <c r="L51" s="82"/>
      <c r="M51" s="82"/>
      <c r="N51" s="82"/>
      <c r="O51" s="82"/>
      <c r="P51" s="82"/>
      <c r="Q51" s="82"/>
      <c r="R51" s="82"/>
      <c r="S51" s="82"/>
      <c r="T51" s="82"/>
      <c r="U51" s="82"/>
      <c r="V51" s="82"/>
      <c r="W51" s="82"/>
      <c r="X51" s="82"/>
      <c r="Y51" s="82"/>
      <c r="Z51" s="82"/>
      <c r="AA51" s="82"/>
      <c r="AB51" s="82"/>
    </row>
    <row r="52" spans="1:28" ht="12.4" customHeight="1" x14ac:dyDescent="0.15">
      <c r="A52" s="6"/>
      <c r="B52" s="6"/>
      <c r="C52" s="6"/>
      <c r="D52" s="6"/>
      <c r="E52" s="6"/>
      <c r="F52" s="6"/>
      <c r="G52" s="6"/>
      <c r="H52" s="6"/>
      <c r="I52" s="6"/>
      <c r="J52" s="6"/>
      <c r="K52" s="6"/>
      <c r="L52" s="6"/>
      <c r="M52" s="6"/>
      <c r="N52" s="6"/>
      <c r="O52" s="6"/>
      <c r="P52" s="6"/>
      <c r="Q52" s="6"/>
      <c r="R52" s="6"/>
      <c r="S52" s="6"/>
      <c r="T52" s="6"/>
      <c r="U52" s="6"/>
      <c r="V52" s="6"/>
      <c r="W52" s="6"/>
      <c r="X52" s="6"/>
      <c r="Y52" s="6"/>
      <c r="Z52" s="6"/>
      <c r="AA52" s="6"/>
      <c r="AB52" s="6"/>
    </row>
    <row r="53" spans="1:28" ht="15.4" customHeight="1" x14ac:dyDescent="0.15">
      <c r="A53" s="6"/>
      <c r="B53" s="6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6"/>
      <c r="O53" s="6"/>
      <c r="P53" s="6"/>
      <c r="Q53" s="6"/>
      <c r="R53" s="6"/>
      <c r="S53" s="6"/>
      <c r="T53" s="6"/>
      <c r="U53" s="6"/>
      <c r="V53" s="6"/>
      <c r="W53" s="6"/>
      <c r="X53" s="6"/>
      <c r="Y53" s="6"/>
      <c r="Z53" s="6"/>
      <c r="AA53" s="6"/>
      <c r="AB53" s="6"/>
    </row>
    <row r="54" spans="1:28" ht="15.4" customHeight="1" x14ac:dyDescent="0.15">
      <c r="A54" s="6"/>
      <c r="B54" s="6"/>
      <c r="C54" s="6"/>
      <c r="D54" s="6"/>
      <c r="E54" s="6"/>
      <c r="F54" s="6"/>
      <c r="G54" s="6"/>
      <c r="H54" s="6"/>
      <c r="I54" s="6"/>
      <c r="J54" s="6"/>
      <c r="K54" s="6"/>
      <c r="L54" s="6"/>
      <c r="M54" s="6"/>
      <c r="N54" s="6"/>
      <c r="O54" s="6"/>
      <c r="P54" s="6"/>
      <c r="Q54" s="6"/>
      <c r="R54" s="6"/>
      <c r="S54" s="6"/>
      <c r="T54" s="6"/>
      <c r="U54" s="6"/>
      <c r="V54" s="6"/>
      <c r="W54" s="6"/>
      <c r="X54" s="6"/>
      <c r="Y54" s="6"/>
      <c r="Z54" s="6"/>
      <c r="AA54" s="6"/>
      <c r="AB54" s="6"/>
    </row>
    <row r="55" spans="1:28" ht="15.4" customHeight="1" x14ac:dyDescent="0.15">
      <c r="A55" s="6"/>
      <c r="B55" s="6"/>
      <c r="C55" s="6"/>
      <c r="D55" s="6"/>
      <c r="E55" s="6"/>
      <c r="F55" s="6"/>
      <c r="G55" s="6"/>
      <c r="H55" s="6"/>
      <c r="I55" s="6"/>
      <c r="J55" s="6"/>
      <c r="K55" s="6"/>
      <c r="L55" s="6"/>
      <c r="M55" s="6"/>
      <c r="N55" s="6"/>
      <c r="O55" s="6"/>
      <c r="P55" s="6"/>
      <c r="Q55" s="6"/>
      <c r="R55" s="6"/>
      <c r="S55" s="6"/>
      <c r="T55" s="6"/>
      <c r="U55" s="6"/>
      <c r="V55" s="6"/>
      <c r="W55" s="6"/>
      <c r="X55" s="6"/>
      <c r="Y55" s="6"/>
      <c r="Z55" s="6"/>
      <c r="AA55" s="6"/>
      <c r="AB55" s="6"/>
    </row>
    <row r="56" spans="1:28" ht="15.4" customHeight="1" x14ac:dyDescent="0.15">
      <c r="A56" s="6"/>
      <c r="B56" s="6"/>
      <c r="C56" s="6"/>
      <c r="D56" s="6"/>
      <c r="E56" s="6"/>
      <c r="F56" s="6"/>
      <c r="G56" s="6"/>
      <c r="H56" s="6"/>
      <c r="I56" s="6"/>
      <c r="J56" s="6"/>
      <c r="K56" s="6"/>
      <c r="L56" s="6"/>
      <c r="M56" s="6"/>
      <c r="N56" s="6"/>
      <c r="O56" s="6"/>
      <c r="P56" s="6"/>
      <c r="Q56" s="6"/>
      <c r="R56" s="6"/>
      <c r="S56" s="6"/>
      <c r="T56" s="6"/>
      <c r="U56" s="6"/>
      <c r="V56" s="6"/>
      <c r="W56" s="6"/>
      <c r="X56" s="6"/>
      <c r="Y56" s="6"/>
      <c r="Z56" s="6"/>
      <c r="AA56" s="6"/>
      <c r="AB56" s="6"/>
    </row>
    <row r="57" spans="1:28" ht="15.4" customHeight="1" x14ac:dyDescent="0.15">
      <c r="A57" s="6"/>
      <c r="B57" s="6"/>
      <c r="C57" s="6"/>
      <c r="D57" s="6"/>
      <c r="E57" s="6"/>
      <c r="F57" s="6"/>
      <c r="G57" s="6"/>
      <c r="H57" s="6"/>
      <c r="I57" s="6"/>
      <c r="J57" s="6"/>
      <c r="K57" s="6"/>
      <c r="L57" s="6"/>
      <c r="M57" s="6"/>
      <c r="N57" s="6"/>
      <c r="O57" s="6"/>
      <c r="P57" s="6"/>
      <c r="Q57" s="6"/>
      <c r="R57" s="6"/>
      <c r="S57" s="6"/>
      <c r="T57" s="6"/>
      <c r="U57" s="6"/>
      <c r="V57" s="6"/>
      <c r="W57" s="6"/>
      <c r="X57" s="6"/>
      <c r="Y57" s="6"/>
      <c r="Z57" s="6"/>
      <c r="AA57" s="6"/>
      <c r="AB57" s="6"/>
    </row>
    <row r="58" spans="1:28" ht="15.4" customHeight="1" x14ac:dyDescent="0.15">
      <c r="A58" s="6"/>
      <c r="B58" s="6"/>
      <c r="C58" s="6"/>
      <c r="D58" s="6"/>
      <c r="E58" s="6"/>
      <c r="F58" s="6"/>
      <c r="G58" s="6"/>
      <c r="H58" s="6"/>
      <c r="I58" s="6"/>
      <c r="J58" s="6"/>
      <c r="K58" s="6"/>
      <c r="L58" s="6"/>
      <c r="M58" s="6"/>
      <c r="N58" s="6"/>
      <c r="O58" s="6"/>
      <c r="P58" s="6"/>
      <c r="Q58" s="6"/>
      <c r="R58" s="6"/>
      <c r="S58" s="6"/>
      <c r="T58" s="6"/>
      <c r="U58" s="6"/>
      <c r="V58" s="6"/>
      <c r="W58" s="6"/>
      <c r="X58" s="6"/>
      <c r="Y58" s="6"/>
      <c r="Z58" s="6"/>
      <c r="AA58" s="6"/>
      <c r="AB58" s="6"/>
    </row>
    <row r="59" spans="1:28" ht="15.4" customHeight="1" x14ac:dyDescent="0.15"/>
    <row r="60" spans="1:28" ht="15.4" customHeight="1" x14ac:dyDescent="0.15"/>
  </sheetData>
  <mergeCells count="36">
    <mergeCell ref="A51:AB51"/>
    <mergeCell ref="D28:M28"/>
    <mergeCell ref="R28:AA28"/>
    <mergeCell ref="F33:AA33"/>
    <mergeCell ref="H48:AA48"/>
    <mergeCell ref="F50:AA50"/>
    <mergeCell ref="C20:AA20"/>
    <mergeCell ref="D23:M23"/>
    <mergeCell ref="R23:AA23"/>
    <mergeCell ref="D26:M26"/>
    <mergeCell ref="F12:J12"/>
    <mergeCell ref="K12:L12"/>
    <mergeCell ref="P12:S12"/>
    <mergeCell ref="T12:W12"/>
    <mergeCell ref="A7:C8"/>
    <mergeCell ref="A10:B11"/>
    <mergeCell ref="C10:K10"/>
    <mergeCell ref="L10:M11"/>
    <mergeCell ref="N10:P10"/>
    <mergeCell ref="C11:K11"/>
    <mergeCell ref="N11:P11"/>
    <mergeCell ref="D7:D8"/>
    <mergeCell ref="E7:AB8"/>
    <mergeCell ref="Y11:AB11"/>
    <mergeCell ref="Q10:R11"/>
    <mergeCell ref="S10:U10"/>
    <mergeCell ref="V10:W10"/>
    <mergeCell ref="A5:D5"/>
    <mergeCell ref="E5:N5"/>
    <mergeCell ref="O5:S5"/>
    <mergeCell ref="T5:AB5"/>
    <mergeCell ref="A1:AB1"/>
    <mergeCell ref="A3:AB3"/>
    <mergeCell ref="A4:D4"/>
    <mergeCell ref="O4:T4"/>
    <mergeCell ref="U4:AB4"/>
  </mergeCells>
  <phoneticPr fontId="9"/>
  <dataValidations count="2">
    <dataValidation type="list" allowBlank="1" showInputMessage="1" showErrorMessage="1" sqref="P35 B14 H17 S17 F16 P22 T22 N15 T15 M17 X17 W26 Z26 J18 F18 P25 T25:T27 P27 P30 T30 D34 I34 L34 Q34 P32 T32 D36 G36 I15 J16 E39 G40:G42 H39 I38 F38 M41 W41 L42 P42 T42 X42 G43 L43 U43 G44 L44 B46:B48 E46 H46 L46 O46 R46 K47 Q47 T35 D40:D44 R49 V49 L40 D7" xr:uid="{9A498378-F3AE-4235-8CAD-71AE953D7814}">
      <formula1>"□,☑"</formula1>
    </dataValidation>
    <dataValidation type="list" allowBlank="1" showInputMessage="1" showErrorMessage="1" sqref="S10:U10" xr:uid="{4679E3CC-30BC-41A7-BC85-E725B4BD7561}">
      <formula1>"平成・令和,令和,平成"</formula1>
    </dataValidation>
  </dataValidations>
  <printOptions horizontalCentered="1"/>
  <pageMargins left="0.39370078740157483" right="0.39370078740157483" top="0.59055118110236227" bottom="0.19685039370078741" header="0.11811023622047245" footer="0.11811023622047245"/>
  <pageSetup paperSize="9" fitToHeight="2" orientation="portrait" horizontalDpi="300" verticalDpi="300" r:id="rId1"/>
  <ignoredErrors>
    <ignoredError sqref="A51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30149F-D696-42D3-9A0B-DCA8A67238C7}">
  <sheetPr>
    <tabColor rgb="FFFFFF00"/>
  </sheetPr>
  <dimension ref="A1:AB60"/>
  <sheetViews>
    <sheetView view="pageBreakPreview" topLeftCell="A32" zoomScale="130" zoomScaleSheetLayoutView="130" workbookViewId="0">
      <selection activeCell="AD52" sqref="AD52"/>
    </sheetView>
  </sheetViews>
  <sheetFormatPr defaultColWidth="9" defaultRowHeight="13.5" x14ac:dyDescent="0.15"/>
  <cols>
    <col min="1" max="28" width="3.125" style="3" customWidth="1"/>
    <col min="29" max="29" width="9" style="1" customWidth="1"/>
    <col min="30" max="16384" width="9" style="1"/>
  </cols>
  <sheetData>
    <row r="1" spans="1:28" ht="15.75" customHeight="1" x14ac:dyDescent="0.15">
      <c r="A1" s="47" t="s">
        <v>3</v>
      </c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47"/>
      <c r="AB1" s="47"/>
    </row>
    <row r="2" spans="1:28" ht="8.4499999999999993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</row>
    <row r="3" spans="1:28" ht="41.45" customHeight="1" x14ac:dyDescent="0.15">
      <c r="A3" s="48" t="s">
        <v>111</v>
      </c>
      <c r="B3" s="48"/>
      <c r="C3" s="48"/>
      <c r="D3" s="48"/>
      <c r="E3" s="48"/>
      <c r="F3" s="48"/>
      <c r="G3" s="48"/>
      <c r="H3" s="48"/>
      <c r="I3" s="48"/>
      <c r="J3" s="48"/>
      <c r="K3" s="48"/>
      <c r="L3" s="48"/>
      <c r="M3" s="48"/>
      <c r="N3" s="48"/>
      <c r="O3" s="48"/>
      <c r="P3" s="48"/>
      <c r="Q3" s="48"/>
      <c r="R3" s="48"/>
      <c r="S3" s="48"/>
      <c r="T3" s="48"/>
      <c r="U3" s="48"/>
      <c r="V3" s="48"/>
      <c r="W3" s="48"/>
      <c r="X3" s="48"/>
      <c r="Y3" s="48"/>
      <c r="Z3" s="48"/>
      <c r="AA3" s="48"/>
      <c r="AB3" s="48"/>
    </row>
    <row r="4" spans="1:28" ht="18.95" customHeight="1" x14ac:dyDescent="0.15">
      <c r="A4" s="44" t="s">
        <v>115</v>
      </c>
      <c r="B4" s="45"/>
      <c r="C4" s="45"/>
      <c r="D4" s="46"/>
      <c r="E4" s="8"/>
      <c r="F4" s="9" t="s">
        <v>4</v>
      </c>
      <c r="G4" s="31">
        <v>7</v>
      </c>
      <c r="H4" s="9" t="s">
        <v>1</v>
      </c>
      <c r="I4" s="31">
        <v>11</v>
      </c>
      <c r="J4" s="9" t="s">
        <v>5</v>
      </c>
      <c r="K4" s="31">
        <v>1</v>
      </c>
      <c r="L4" s="9" t="s">
        <v>6</v>
      </c>
      <c r="M4" s="10"/>
      <c r="N4" s="11"/>
      <c r="O4" s="38" t="s">
        <v>113</v>
      </c>
      <c r="P4" s="39"/>
      <c r="Q4" s="39"/>
      <c r="R4" s="39"/>
      <c r="S4" s="39"/>
      <c r="T4" s="40"/>
      <c r="U4" s="41" t="s">
        <v>127</v>
      </c>
      <c r="V4" s="42"/>
      <c r="W4" s="42"/>
      <c r="X4" s="42"/>
      <c r="Y4" s="42"/>
      <c r="Z4" s="42"/>
      <c r="AA4" s="42"/>
      <c r="AB4" s="43"/>
    </row>
    <row r="5" spans="1:28" ht="18.95" customHeight="1" x14ac:dyDescent="0.15">
      <c r="A5" s="38" t="s">
        <v>116</v>
      </c>
      <c r="B5" s="39"/>
      <c r="C5" s="39"/>
      <c r="D5" s="40"/>
      <c r="E5" s="41" t="s">
        <v>128</v>
      </c>
      <c r="F5" s="42"/>
      <c r="G5" s="42"/>
      <c r="H5" s="42"/>
      <c r="I5" s="42"/>
      <c r="J5" s="42"/>
      <c r="K5" s="42"/>
      <c r="L5" s="42"/>
      <c r="M5" s="42"/>
      <c r="N5" s="43"/>
      <c r="O5" s="44" t="s">
        <v>114</v>
      </c>
      <c r="P5" s="45"/>
      <c r="Q5" s="45"/>
      <c r="R5" s="45"/>
      <c r="S5" s="46"/>
      <c r="T5" s="41" t="s">
        <v>129</v>
      </c>
      <c r="U5" s="42"/>
      <c r="V5" s="42"/>
      <c r="W5" s="42"/>
      <c r="X5" s="42"/>
      <c r="Y5" s="42"/>
      <c r="Z5" s="42"/>
      <c r="AA5" s="42"/>
      <c r="AB5" s="43"/>
    </row>
    <row r="6" spans="1:28" ht="8.4499999999999993" customHeight="1" x14ac:dyDescent="0.15">
      <c r="A6" s="6"/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</row>
    <row r="7" spans="1:28" ht="15.75" customHeight="1" x14ac:dyDescent="0.15">
      <c r="A7" s="49" t="s">
        <v>112</v>
      </c>
      <c r="B7" s="50"/>
      <c r="C7" s="51"/>
      <c r="D7" s="68" t="s">
        <v>48</v>
      </c>
      <c r="E7" s="70" t="s">
        <v>7</v>
      </c>
      <c r="F7" s="70"/>
      <c r="G7" s="70"/>
      <c r="H7" s="70"/>
      <c r="I7" s="70"/>
      <c r="J7" s="70"/>
      <c r="K7" s="70"/>
      <c r="L7" s="70"/>
      <c r="M7" s="70"/>
      <c r="N7" s="70"/>
      <c r="O7" s="70"/>
      <c r="P7" s="70"/>
      <c r="Q7" s="70"/>
      <c r="R7" s="70"/>
      <c r="S7" s="70"/>
      <c r="T7" s="70"/>
      <c r="U7" s="70"/>
      <c r="V7" s="70"/>
      <c r="W7" s="70"/>
      <c r="X7" s="70"/>
      <c r="Y7" s="70"/>
      <c r="Z7" s="70"/>
      <c r="AA7" s="70"/>
      <c r="AB7" s="71"/>
    </row>
    <row r="8" spans="1:28" ht="15.75" customHeight="1" x14ac:dyDescent="0.15">
      <c r="A8" s="52"/>
      <c r="B8" s="53"/>
      <c r="C8" s="54"/>
      <c r="D8" s="69"/>
      <c r="E8" s="72"/>
      <c r="F8" s="72"/>
      <c r="G8" s="72"/>
      <c r="H8" s="72"/>
      <c r="I8" s="72"/>
      <c r="J8" s="72"/>
      <c r="K8" s="72"/>
      <c r="L8" s="72"/>
      <c r="M8" s="72"/>
      <c r="N8" s="72"/>
      <c r="O8" s="72"/>
      <c r="P8" s="72"/>
      <c r="Q8" s="72"/>
      <c r="R8" s="72"/>
      <c r="S8" s="72"/>
      <c r="T8" s="72"/>
      <c r="U8" s="72"/>
      <c r="V8" s="72"/>
      <c r="W8" s="72"/>
      <c r="X8" s="72"/>
      <c r="Y8" s="72"/>
      <c r="Z8" s="72"/>
      <c r="AA8" s="72"/>
      <c r="AB8" s="73"/>
    </row>
    <row r="9" spans="1:28" ht="8.4499999999999993" customHeight="1" x14ac:dyDescent="0.15">
      <c r="A9" s="6"/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6"/>
      <c r="S9" s="6"/>
      <c r="T9" s="6"/>
      <c r="U9" s="6"/>
      <c r="V9" s="6"/>
      <c r="W9" s="6"/>
      <c r="X9" s="6"/>
      <c r="Y9" s="6"/>
      <c r="Z9" s="6"/>
      <c r="AA9" s="6"/>
      <c r="AB9" s="6"/>
    </row>
    <row r="10" spans="1:28" ht="15.75" customHeight="1" x14ac:dyDescent="0.15">
      <c r="A10" s="49" t="s">
        <v>14</v>
      </c>
      <c r="B10" s="51"/>
      <c r="C10" s="55" t="s">
        <v>130</v>
      </c>
      <c r="D10" s="56"/>
      <c r="E10" s="56"/>
      <c r="F10" s="56"/>
      <c r="G10" s="56"/>
      <c r="H10" s="56"/>
      <c r="I10" s="56"/>
      <c r="J10" s="56"/>
      <c r="K10" s="57"/>
      <c r="L10" s="58" t="s">
        <v>0</v>
      </c>
      <c r="M10" s="51"/>
      <c r="N10" s="59" t="s">
        <v>132</v>
      </c>
      <c r="O10" s="60"/>
      <c r="P10" s="61"/>
      <c r="Q10" s="49" t="s">
        <v>13</v>
      </c>
      <c r="R10" s="51"/>
      <c r="S10" s="68" t="s">
        <v>133</v>
      </c>
      <c r="T10" s="76"/>
      <c r="U10" s="76"/>
      <c r="V10" s="77">
        <v>6</v>
      </c>
      <c r="W10" s="77"/>
      <c r="X10" s="14" t="s">
        <v>1</v>
      </c>
      <c r="Y10" s="32">
        <v>12</v>
      </c>
      <c r="Z10" s="14" t="s">
        <v>5</v>
      </c>
      <c r="AA10" s="32">
        <v>5</v>
      </c>
      <c r="AB10" s="15" t="s">
        <v>6</v>
      </c>
    </row>
    <row r="11" spans="1:28" ht="15.75" customHeight="1" x14ac:dyDescent="0.15">
      <c r="A11" s="52"/>
      <c r="B11" s="54"/>
      <c r="C11" s="62" t="s">
        <v>131</v>
      </c>
      <c r="D11" s="63"/>
      <c r="E11" s="63"/>
      <c r="F11" s="63"/>
      <c r="G11" s="63"/>
      <c r="H11" s="63"/>
      <c r="I11" s="63"/>
      <c r="J11" s="63"/>
      <c r="K11" s="64"/>
      <c r="L11" s="52"/>
      <c r="M11" s="54"/>
      <c r="N11" s="65" t="s">
        <v>12</v>
      </c>
      <c r="O11" s="66"/>
      <c r="P11" s="67"/>
      <c r="Q11" s="52"/>
      <c r="R11" s="54"/>
      <c r="S11" s="16" t="s">
        <v>9</v>
      </c>
      <c r="T11" s="33">
        <v>0</v>
      </c>
      <c r="U11" s="12" t="s">
        <v>2</v>
      </c>
      <c r="V11" s="33">
        <v>10</v>
      </c>
      <c r="W11" s="12" t="s">
        <v>10</v>
      </c>
      <c r="X11" s="12"/>
      <c r="Y11" s="74" t="s">
        <v>11</v>
      </c>
      <c r="Z11" s="74"/>
      <c r="AA11" s="74"/>
      <c r="AB11" s="75"/>
    </row>
    <row r="12" spans="1:28" ht="15.75" customHeight="1" x14ac:dyDescent="0.15">
      <c r="A12" s="18" t="s">
        <v>15</v>
      </c>
      <c r="B12" s="19"/>
      <c r="C12" s="19"/>
      <c r="D12" s="19"/>
      <c r="E12" s="20"/>
      <c r="F12" s="79" t="s">
        <v>16</v>
      </c>
      <c r="G12" s="80"/>
      <c r="H12" s="80"/>
      <c r="I12" s="80"/>
      <c r="J12" s="80"/>
      <c r="K12" s="81">
        <v>41</v>
      </c>
      <c r="L12" s="81"/>
      <c r="M12" s="10" t="s">
        <v>17</v>
      </c>
      <c r="N12" s="28"/>
      <c r="O12" s="10"/>
      <c r="P12" s="80" t="s">
        <v>18</v>
      </c>
      <c r="Q12" s="80"/>
      <c r="R12" s="80"/>
      <c r="S12" s="80"/>
      <c r="T12" s="81">
        <v>3015</v>
      </c>
      <c r="U12" s="81"/>
      <c r="V12" s="81"/>
      <c r="W12" s="81"/>
      <c r="X12" s="10" t="s">
        <v>19</v>
      </c>
      <c r="Y12" s="10"/>
      <c r="Z12" s="10"/>
      <c r="AA12" s="10"/>
      <c r="AB12" s="11"/>
    </row>
    <row r="13" spans="1:28" ht="15.75" customHeight="1" x14ac:dyDescent="0.15">
      <c r="A13" s="21" t="s">
        <v>20</v>
      </c>
      <c r="B13" s="17"/>
      <c r="C13" s="17"/>
      <c r="D13" s="17"/>
      <c r="E13" s="17"/>
      <c r="F13" s="17"/>
      <c r="G13" s="17"/>
      <c r="H13" s="17"/>
      <c r="I13" s="17" t="s">
        <v>21</v>
      </c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27"/>
    </row>
    <row r="14" spans="1:28" ht="15.75" customHeight="1" x14ac:dyDescent="0.15">
      <c r="A14" s="22"/>
      <c r="B14" s="7" t="s">
        <v>26</v>
      </c>
      <c r="C14" s="4" t="s">
        <v>22</v>
      </c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  <c r="AA14" s="4"/>
      <c r="AB14" s="23"/>
    </row>
    <row r="15" spans="1:28" ht="15.75" customHeight="1" x14ac:dyDescent="0.15">
      <c r="A15" s="22" t="s">
        <v>76</v>
      </c>
      <c r="B15" s="4"/>
      <c r="C15" s="4"/>
      <c r="D15" s="4"/>
      <c r="E15" s="4"/>
      <c r="F15" s="4"/>
      <c r="G15" s="4"/>
      <c r="H15" s="2"/>
      <c r="I15" s="7" t="s">
        <v>26</v>
      </c>
      <c r="J15" s="4" t="s">
        <v>23</v>
      </c>
      <c r="K15" s="4"/>
      <c r="L15" s="4"/>
      <c r="M15" s="4"/>
      <c r="N15" s="7" t="s">
        <v>26</v>
      </c>
      <c r="O15" s="4" t="s">
        <v>29</v>
      </c>
      <c r="P15" s="4"/>
      <c r="Q15" s="4"/>
      <c r="R15" s="4"/>
      <c r="S15" s="4"/>
      <c r="T15" s="7" t="s">
        <v>48</v>
      </c>
      <c r="U15" s="4" t="s">
        <v>30</v>
      </c>
      <c r="V15" s="2"/>
      <c r="W15" s="2"/>
      <c r="X15" s="4"/>
      <c r="Y15" s="2"/>
      <c r="Z15" s="4"/>
      <c r="AA15" s="2"/>
      <c r="AB15" s="23"/>
    </row>
    <row r="16" spans="1:28" ht="15.75" customHeight="1" x14ac:dyDescent="0.15">
      <c r="A16" s="22"/>
      <c r="B16" s="4" t="s">
        <v>24</v>
      </c>
      <c r="C16" s="4"/>
      <c r="D16" s="4"/>
      <c r="E16" s="4"/>
      <c r="F16" s="7" t="s">
        <v>48</v>
      </c>
      <c r="G16" s="4" t="s">
        <v>50</v>
      </c>
      <c r="H16" s="4"/>
      <c r="I16" s="4"/>
      <c r="J16" s="7" t="s">
        <v>26</v>
      </c>
      <c r="K16" s="4" t="s">
        <v>25</v>
      </c>
      <c r="L16" s="2"/>
      <c r="M16" s="4"/>
      <c r="N16" s="2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23"/>
    </row>
    <row r="17" spans="1:28" ht="15.75" customHeight="1" x14ac:dyDescent="0.15">
      <c r="A17" s="22" t="s">
        <v>77</v>
      </c>
      <c r="B17" s="4"/>
      <c r="C17" s="4"/>
      <c r="D17" s="4"/>
      <c r="E17" s="4"/>
      <c r="F17" s="7"/>
      <c r="G17" s="4"/>
      <c r="H17" s="7" t="s">
        <v>26</v>
      </c>
      <c r="I17" s="4" t="s">
        <v>42</v>
      </c>
      <c r="J17" s="4"/>
      <c r="K17" s="4"/>
      <c r="L17" s="4"/>
      <c r="M17" s="7" t="s">
        <v>26</v>
      </c>
      <c r="N17" s="4" t="s">
        <v>27</v>
      </c>
      <c r="O17" s="4"/>
      <c r="P17" s="4"/>
      <c r="Q17" s="4"/>
      <c r="R17" s="2"/>
      <c r="S17" s="7" t="s">
        <v>26</v>
      </c>
      <c r="T17" s="4" t="s">
        <v>43</v>
      </c>
      <c r="U17" s="2"/>
      <c r="V17" s="4"/>
      <c r="W17" s="4"/>
      <c r="X17" s="7" t="s">
        <v>26</v>
      </c>
      <c r="Y17" s="4" t="s">
        <v>28</v>
      </c>
      <c r="Z17" s="4"/>
      <c r="AA17" s="2"/>
      <c r="AB17" s="23"/>
    </row>
    <row r="18" spans="1:28" ht="15.75" customHeight="1" x14ac:dyDescent="0.15">
      <c r="A18" s="22"/>
      <c r="B18" s="4" t="s">
        <v>24</v>
      </c>
      <c r="C18" s="4"/>
      <c r="D18" s="4"/>
      <c r="E18" s="4"/>
      <c r="F18" s="7" t="s">
        <v>26</v>
      </c>
      <c r="G18" s="4" t="s">
        <v>50</v>
      </c>
      <c r="H18" s="4"/>
      <c r="I18" s="4"/>
      <c r="J18" s="7" t="s">
        <v>26</v>
      </c>
      <c r="K18" s="4" t="s">
        <v>25</v>
      </c>
      <c r="L18" s="2"/>
      <c r="M18" s="4"/>
      <c r="N18" s="4"/>
      <c r="O18" s="4"/>
      <c r="P18" s="4"/>
      <c r="Q18" s="4"/>
      <c r="R18" s="4"/>
      <c r="S18" s="2"/>
      <c r="T18" s="4"/>
      <c r="U18" s="4"/>
      <c r="V18" s="4"/>
      <c r="W18" s="4"/>
      <c r="X18" s="4"/>
      <c r="Y18" s="4"/>
      <c r="Z18" s="4"/>
      <c r="AA18" s="4"/>
      <c r="AB18" s="23"/>
    </row>
    <row r="19" spans="1:28" ht="15.75" customHeight="1" x14ac:dyDescent="0.15">
      <c r="A19" s="22"/>
      <c r="B19" s="4" t="s">
        <v>31</v>
      </c>
      <c r="C19" s="4"/>
      <c r="D19" s="4"/>
      <c r="E19" s="4"/>
      <c r="F19" s="4" t="s">
        <v>32</v>
      </c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23"/>
    </row>
    <row r="20" spans="1:28" ht="15.75" customHeight="1" x14ac:dyDescent="0.15">
      <c r="A20" s="16"/>
      <c r="B20" s="12" t="s">
        <v>33</v>
      </c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63"/>
      <c r="P20" s="63"/>
      <c r="Q20" s="63"/>
      <c r="R20" s="63"/>
      <c r="S20" s="63"/>
      <c r="T20" s="63"/>
      <c r="U20" s="63"/>
      <c r="V20" s="63"/>
      <c r="W20" s="63"/>
      <c r="X20" s="63"/>
      <c r="Y20" s="63"/>
      <c r="Z20" s="63"/>
      <c r="AA20" s="63"/>
      <c r="AB20" s="13" t="s">
        <v>34</v>
      </c>
    </row>
    <row r="21" spans="1:28" ht="15.75" customHeight="1" x14ac:dyDescent="0.15">
      <c r="A21" s="21" t="s">
        <v>35</v>
      </c>
      <c r="B21" s="17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27"/>
    </row>
    <row r="22" spans="1:28" ht="15.75" customHeight="1" x14ac:dyDescent="0.15">
      <c r="A22" s="22" t="s">
        <v>36</v>
      </c>
      <c r="B22" s="4"/>
      <c r="C22" s="4"/>
      <c r="D22" s="4"/>
      <c r="E22" s="4"/>
      <c r="F22" s="4"/>
      <c r="G22" s="4"/>
      <c r="H22" s="4"/>
      <c r="I22" s="4"/>
      <c r="J22" s="4"/>
      <c r="K22" s="4"/>
      <c r="L22" s="2"/>
      <c r="M22" s="2"/>
      <c r="N22" s="2"/>
      <c r="O22" s="2"/>
      <c r="P22" s="29" t="s">
        <v>26</v>
      </c>
      <c r="Q22" s="10" t="s">
        <v>49</v>
      </c>
      <c r="R22" s="10"/>
      <c r="S22" s="10"/>
      <c r="T22" s="30" t="s">
        <v>48</v>
      </c>
      <c r="U22" s="10" t="s">
        <v>37</v>
      </c>
      <c r="V22" s="28"/>
      <c r="W22" s="11"/>
      <c r="X22" s="4"/>
      <c r="Y22" s="4"/>
      <c r="Z22" s="4"/>
      <c r="AA22" s="4"/>
      <c r="AB22" s="23"/>
    </row>
    <row r="23" spans="1:28" ht="15.75" customHeight="1" x14ac:dyDescent="0.15">
      <c r="A23" s="22"/>
      <c r="B23" s="4" t="s">
        <v>60</v>
      </c>
      <c r="C23" s="4"/>
      <c r="D23" s="78"/>
      <c r="E23" s="78"/>
      <c r="F23" s="78"/>
      <c r="G23" s="78"/>
      <c r="H23" s="78"/>
      <c r="I23" s="78"/>
      <c r="J23" s="78"/>
      <c r="K23" s="78"/>
      <c r="L23" s="78"/>
      <c r="M23" s="78"/>
      <c r="N23" s="4" t="s">
        <v>34</v>
      </c>
      <c r="O23" s="4" t="s">
        <v>38</v>
      </c>
      <c r="P23" s="4"/>
      <c r="Q23" s="4" t="s">
        <v>33</v>
      </c>
      <c r="R23" s="78"/>
      <c r="S23" s="78"/>
      <c r="T23" s="78"/>
      <c r="U23" s="78"/>
      <c r="V23" s="78"/>
      <c r="W23" s="78"/>
      <c r="X23" s="78"/>
      <c r="Y23" s="78"/>
      <c r="Z23" s="78"/>
      <c r="AA23" s="78"/>
      <c r="AB23" s="23" t="s">
        <v>34</v>
      </c>
    </row>
    <row r="24" spans="1:28" ht="15.75" customHeight="1" x14ac:dyDescent="0.15">
      <c r="A24" s="22"/>
      <c r="B24" s="4" t="s">
        <v>62</v>
      </c>
      <c r="C24" s="4"/>
      <c r="D24" s="4"/>
      <c r="E24" s="4"/>
      <c r="F24" s="4"/>
      <c r="G24" s="34"/>
      <c r="H24" s="4" t="s">
        <v>1</v>
      </c>
      <c r="I24" s="34"/>
      <c r="J24" s="4" t="s">
        <v>5</v>
      </c>
      <c r="K24" s="4" t="s">
        <v>39</v>
      </c>
      <c r="L24" s="4" t="s">
        <v>34</v>
      </c>
      <c r="M24" s="2"/>
      <c r="N24" s="2"/>
      <c r="O24" s="4" t="s">
        <v>66</v>
      </c>
      <c r="P24" s="4"/>
      <c r="Q24" s="4"/>
      <c r="R24" s="34"/>
      <c r="S24" s="4" t="s">
        <v>117</v>
      </c>
      <c r="T24" s="4"/>
      <c r="U24" s="34"/>
      <c r="V24" s="4" t="s">
        <v>41</v>
      </c>
      <c r="W24" s="4"/>
      <c r="X24" s="4"/>
      <c r="Y24" s="34"/>
      <c r="Z24" s="4" t="s">
        <v>65</v>
      </c>
      <c r="AA24" s="4"/>
      <c r="AB24" s="24" t="s">
        <v>34</v>
      </c>
    </row>
    <row r="25" spans="1:28" ht="15.75" customHeight="1" x14ac:dyDescent="0.15">
      <c r="A25" s="22" t="s">
        <v>44</v>
      </c>
      <c r="B25" s="4"/>
      <c r="C25" s="4"/>
      <c r="D25" s="4"/>
      <c r="E25" s="4"/>
      <c r="F25" s="4"/>
      <c r="G25" s="4"/>
      <c r="H25" s="4"/>
      <c r="I25" s="4"/>
      <c r="J25" s="4"/>
      <c r="K25" s="4"/>
      <c r="L25" s="2"/>
      <c r="M25" s="2"/>
      <c r="N25" s="2"/>
      <c r="O25" s="2"/>
      <c r="P25" s="29" t="s">
        <v>26</v>
      </c>
      <c r="Q25" s="10" t="s">
        <v>49</v>
      </c>
      <c r="R25" s="10"/>
      <c r="S25" s="10"/>
      <c r="T25" s="30" t="s">
        <v>48</v>
      </c>
      <c r="U25" s="10" t="s">
        <v>37</v>
      </c>
      <c r="V25" s="28"/>
      <c r="W25" s="11"/>
      <c r="X25" s="4"/>
      <c r="Y25" s="4"/>
      <c r="Z25" s="4"/>
      <c r="AA25" s="4"/>
      <c r="AB25" s="23"/>
    </row>
    <row r="26" spans="1:28" ht="15.75" customHeight="1" x14ac:dyDescent="0.15">
      <c r="A26" s="22"/>
      <c r="B26" s="4" t="s">
        <v>61</v>
      </c>
      <c r="C26" s="4"/>
      <c r="D26" s="78"/>
      <c r="E26" s="78"/>
      <c r="F26" s="78"/>
      <c r="G26" s="78"/>
      <c r="H26" s="78"/>
      <c r="I26" s="78"/>
      <c r="J26" s="78"/>
      <c r="K26" s="78"/>
      <c r="L26" s="78"/>
      <c r="M26" s="78"/>
      <c r="N26" s="4" t="s">
        <v>34</v>
      </c>
      <c r="O26" s="4" t="s">
        <v>51</v>
      </c>
      <c r="P26" s="2"/>
      <c r="Q26" s="34"/>
      <c r="R26" s="4" t="s">
        <v>40</v>
      </c>
      <c r="S26" s="2" t="s">
        <v>126</v>
      </c>
      <c r="T26" s="7" t="s">
        <v>26</v>
      </c>
      <c r="U26" s="4" t="s">
        <v>46</v>
      </c>
      <c r="V26" s="4"/>
      <c r="W26" s="7" t="s">
        <v>26</v>
      </c>
      <c r="X26" s="4" t="s">
        <v>47</v>
      </c>
      <c r="Y26" s="4"/>
      <c r="Z26" s="7" t="s">
        <v>26</v>
      </c>
      <c r="AA26" s="4" t="s">
        <v>45</v>
      </c>
      <c r="AB26" s="23" t="s">
        <v>34</v>
      </c>
    </row>
    <row r="27" spans="1:28" ht="15.75" customHeight="1" x14ac:dyDescent="0.15">
      <c r="A27" s="22" t="s">
        <v>52</v>
      </c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2"/>
      <c r="O27" s="4"/>
      <c r="P27" s="29" t="s">
        <v>48</v>
      </c>
      <c r="Q27" s="10" t="s">
        <v>49</v>
      </c>
      <c r="R27" s="10"/>
      <c r="S27" s="10"/>
      <c r="T27" s="30" t="s">
        <v>26</v>
      </c>
      <c r="U27" s="10" t="s">
        <v>37</v>
      </c>
      <c r="V27" s="28"/>
      <c r="W27" s="11"/>
      <c r="X27" s="4"/>
      <c r="Y27" s="4"/>
      <c r="Z27" s="4"/>
      <c r="AA27" s="4"/>
      <c r="AB27" s="23"/>
    </row>
    <row r="28" spans="1:28" ht="15.75" customHeight="1" x14ac:dyDescent="0.15">
      <c r="A28" s="22"/>
      <c r="B28" s="4" t="s">
        <v>60</v>
      </c>
      <c r="C28" s="4"/>
      <c r="D28" s="78" t="s">
        <v>134</v>
      </c>
      <c r="E28" s="78"/>
      <c r="F28" s="78"/>
      <c r="G28" s="78"/>
      <c r="H28" s="78"/>
      <c r="I28" s="78"/>
      <c r="J28" s="78"/>
      <c r="K28" s="78"/>
      <c r="L28" s="78"/>
      <c r="M28" s="78"/>
      <c r="N28" s="4" t="s">
        <v>34</v>
      </c>
      <c r="O28" s="4" t="s">
        <v>38</v>
      </c>
      <c r="P28" s="4"/>
      <c r="Q28" s="4" t="s">
        <v>33</v>
      </c>
      <c r="R28" s="78" t="s">
        <v>135</v>
      </c>
      <c r="S28" s="78"/>
      <c r="T28" s="78"/>
      <c r="U28" s="78"/>
      <c r="V28" s="78"/>
      <c r="W28" s="78"/>
      <c r="X28" s="78"/>
      <c r="Y28" s="78"/>
      <c r="Z28" s="78"/>
      <c r="AA28" s="78"/>
      <c r="AB28" s="23" t="s">
        <v>34</v>
      </c>
    </row>
    <row r="29" spans="1:28" ht="15.75" customHeight="1" x14ac:dyDescent="0.15">
      <c r="A29" s="22"/>
      <c r="B29" s="4" t="s">
        <v>62</v>
      </c>
      <c r="C29" s="4"/>
      <c r="D29" s="4"/>
      <c r="E29" s="4"/>
      <c r="F29" s="4"/>
      <c r="G29" s="34">
        <v>7</v>
      </c>
      <c r="H29" s="4" t="s">
        <v>1</v>
      </c>
      <c r="I29" s="34">
        <v>7</v>
      </c>
      <c r="J29" s="4" t="s">
        <v>63</v>
      </c>
      <c r="K29" s="4"/>
      <c r="L29" s="4"/>
      <c r="M29" s="34">
        <v>7</v>
      </c>
      <c r="N29" s="4" t="s">
        <v>1</v>
      </c>
      <c r="O29" s="34">
        <v>8</v>
      </c>
      <c r="P29" s="4" t="s">
        <v>5</v>
      </c>
      <c r="Q29" s="4" t="s">
        <v>34</v>
      </c>
      <c r="R29" s="2"/>
      <c r="S29" s="4" t="s">
        <v>64</v>
      </c>
      <c r="T29" s="4"/>
      <c r="U29" s="2"/>
      <c r="V29" s="34">
        <v>0</v>
      </c>
      <c r="W29" s="4" t="s">
        <v>2</v>
      </c>
      <c r="X29" s="34">
        <v>7</v>
      </c>
      <c r="Y29" s="4" t="s">
        <v>72</v>
      </c>
      <c r="Z29" s="2"/>
      <c r="AA29" s="4"/>
      <c r="AB29" s="24"/>
    </row>
    <row r="30" spans="1:28" ht="15.75" customHeight="1" x14ac:dyDescent="0.15">
      <c r="A30" s="22" t="s">
        <v>53</v>
      </c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2"/>
      <c r="O30" s="4"/>
      <c r="P30" s="29" t="s">
        <v>26</v>
      </c>
      <c r="Q30" s="10" t="s">
        <v>49</v>
      </c>
      <c r="R30" s="10"/>
      <c r="S30" s="10"/>
      <c r="T30" s="30" t="s">
        <v>48</v>
      </c>
      <c r="U30" s="10" t="s">
        <v>37</v>
      </c>
      <c r="V30" s="28"/>
      <c r="W30" s="11"/>
      <c r="X30" s="4"/>
      <c r="Y30" s="4"/>
      <c r="Z30" s="4"/>
      <c r="AA30" s="4"/>
      <c r="AB30" s="23"/>
    </row>
    <row r="31" spans="1:28" ht="15.75" customHeight="1" x14ac:dyDescent="0.15">
      <c r="A31" s="22"/>
      <c r="B31" s="4" t="s">
        <v>54</v>
      </c>
      <c r="C31" s="4"/>
      <c r="D31" s="4"/>
      <c r="E31" s="4"/>
      <c r="F31" s="2" t="s">
        <v>118</v>
      </c>
      <c r="G31" s="2"/>
      <c r="H31" s="34"/>
      <c r="I31" s="4" t="s">
        <v>1</v>
      </c>
      <c r="J31" s="34"/>
      <c r="K31" s="4" t="s">
        <v>56</v>
      </c>
      <c r="L31" s="4"/>
      <c r="M31" s="2"/>
      <c r="N31" s="4"/>
      <c r="O31" s="4" t="s">
        <v>55</v>
      </c>
      <c r="P31" s="4"/>
      <c r="Q31" s="4"/>
      <c r="R31" s="4" t="s">
        <v>118</v>
      </c>
      <c r="S31" s="4"/>
      <c r="T31" s="34"/>
      <c r="U31" s="4" t="s">
        <v>1</v>
      </c>
      <c r="V31" s="34"/>
      <c r="W31" s="4" t="s">
        <v>56</v>
      </c>
      <c r="X31" s="4"/>
      <c r="Y31" s="2"/>
      <c r="Z31" s="2"/>
      <c r="AA31" s="4"/>
      <c r="AB31" s="23"/>
    </row>
    <row r="32" spans="1:28" ht="15.75" customHeight="1" x14ac:dyDescent="0.15">
      <c r="A32" s="22" t="s">
        <v>57</v>
      </c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29" t="s">
        <v>48</v>
      </c>
      <c r="Q32" s="10" t="s">
        <v>49</v>
      </c>
      <c r="R32" s="10"/>
      <c r="S32" s="10"/>
      <c r="T32" s="30" t="s">
        <v>26</v>
      </c>
      <c r="U32" s="10" t="s">
        <v>37</v>
      </c>
      <c r="V32" s="28"/>
      <c r="W32" s="11"/>
      <c r="X32" s="4"/>
      <c r="Y32" s="4"/>
      <c r="Z32" s="4"/>
      <c r="AA32" s="4"/>
      <c r="AB32" s="23"/>
    </row>
    <row r="33" spans="1:28" ht="15.75" customHeight="1" x14ac:dyDescent="0.15">
      <c r="A33" s="22"/>
      <c r="B33" s="4" t="s">
        <v>59</v>
      </c>
      <c r="C33" s="4"/>
      <c r="D33" s="4"/>
      <c r="E33" s="4" t="s">
        <v>33</v>
      </c>
      <c r="F33" s="78" t="s">
        <v>136</v>
      </c>
      <c r="G33" s="78"/>
      <c r="H33" s="78"/>
      <c r="I33" s="78"/>
      <c r="J33" s="78"/>
      <c r="K33" s="78"/>
      <c r="L33" s="78"/>
      <c r="M33" s="78"/>
      <c r="N33" s="78"/>
      <c r="O33" s="78"/>
      <c r="P33" s="78"/>
      <c r="Q33" s="78"/>
      <c r="R33" s="78"/>
      <c r="S33" s="78"/>
      <c r="T33" s="78"/>
      <c r="U33" s="78"/>
      <c r="V33" s="78"/>
      <c r="W33" s="78"/>
      <c r="X33" s="78"/>
      <c r="Y33" s="78"/>
      <c r="Z33" s="78"/>
      <c r="AA33" s="78"/>
      <c r="AB33" s="23" t="s">
        <v>34</v>
      </c>
    </row>
    <row r="34" spans="1:28" ht="15.75" customHeight="1" x14ac:dyDescent="0.15">
      <c r="A34" s="22"/>
      <c r="B34" s="2" t="s">
        <v>67</v>
      </c>
      <c r="C34" s="2"/>
      <c r="D34" s="7" t="s">
        <v>26</v>
      </c>
      <c r="E34" s="2" t="s">
        <v>68</v>
      </c>
      <c r="F34" s="2"/>
      <c r="G34" s="2"/>
      <c r="H34" s="2"/>
      <c r="I34" s="7" t="s">
        <v>26</v>
      </c>
      <c r="J34" s="4" t="s">
        <v>69</v>
      </c>
      <c r="K34" s="2"/>
      <c r="L34" s="7" t="s">
        <v>48</v>
      </c>
      <c r="M34" s="2" t="s">
        <v>70</v>
      </c>
      <c r="N34" s="2"/>
      <c r="O34" s="2"/>
      <c r="P34" s="4"/>
      <c r="Q34" s="7" t="s">
        <v>26</v>
      </c>
      <c r="R34" s="4" t="s">
        <v>71</v>
      </c>
      <c r="S34" s="2"/>
      <c r="T34" s="2"/>
      <c r="U34" s="2"/>
      <c r="V34" s="2"/>
      <c r="W34" s="2"/>
      <c r="X34" s="4"/>
      <c r="Y34" s="4"/>
      <c r="Z34" s="4"/>
      <c r="AA34" s="4"/>
      <c r="AB34" s="23"/>
    </row>
    <row r="35" spans="1:28" ht="15.75" customHeight="1" x14ac:dyDescent="0.15">
      <c r="A35" s="22" t="s">
        <v>58</v>
      </c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29" t="s">
        <v>26</v>
      </c>
      <c r="Q35" s="10" t="s">
        <v>49</v>
      </c>
      <c r="R35" s="10"/>
      <c r="S35" s="10"/>
      <c r="T35" s="30" t="s">
        <v>48</v>
      </c>
      <c r="U35" s="10" t="s">
        <v>37</v>
      </c>
      <c r="V35" s="28"/>
      <c r="W35" s="11"/>
      <c r="X35" s="4"/>
      <c r="Y35" s="4"/>
      <c r="Z35" s="4"/>
      <c r="AA35" s="4"/>
      <c r="AB35" s="23"/>
    </row>
    <row r="36" spans="1:28" ht="15.75" customHeight="1" x14ac:dyDescent="0.15">
      <c r="A36" s="16"/>
      <c r="B36" s="12" t="s">
        <v>73</v>
      </c>
      <c r="C36" s="12"/>
      <c r="D36" s="25" t="s">
        <v>26</v>
      </c>
      <c r="E36" s="12" t="s">
        <v>75</v>
      </c>
      <c r="F36" s="12"/>
      <c r="G36" s="25" t="s">
        <v>26</v>
      </c>
      <c r="H36" s="12" t="s">
        <v>74</v>
      </c>
      <c r="I36" s="12"/>
      <c r="J36" s="26"/>
      <c r="K36" s="12" t="s">
        <v>78</v>
      </c>
      <c r="L36" s="12"/>
      <c r="M36" s="12"/>
      <c r="N36" s="26" t="s">
        <v>33</v>
      </c>
      <c r="O36" s="33"/>
      <c r="P36" s="12" t="s">
        <v>79</v>
      </c>
      <c r="Q36" s="12"/>
      <c r="R36" s="12"/>
      <c r="S36" s="12" t="s">
        <v>64</v>
      </c>
      <c r="T36" s="12"/>
      <c r="U36" s="26"/>
      <c r="V36" s="33"/>
      <c r="W36" s="12" t="s">
        <v>2</v>
      </c>
      <c r="X36" s="33"/>
      <c r="Y36" s="12" t="s">
        <v>72</v>
      </c>
      <c r="Z36" s="26"/>
      <c r="AA36" s="12"/>
      <c r="AB36" s="13"/>
    </row>
    <row r="37" spans="1:28" ht="15.75" customHeight="1" x14ac:dyDescent="0.15">
      <c r="A37" s="36" t="s">
        <v>80</v>
      </c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7"/>
      <c r="Z37" s="37"/>
      <c r="AA37" s="37"/>
      <c r="AB37" s="27"/>
    </row>
    <row r="38" spans="1:28" ht="15.4" customHeight="1" x14ac:dyDescent="0.15">
      <c r="A38" s="22" t="s">
        <v>119</v>
      </c>
      <c r="B38" s="4"/>
      <c r="C38" s="4"/>
      <c r="D38" s="4"/>
      <c r="E38" s="4"/>
      <c r="F38" s="7" t="s">
        <v>26</v>
      </c>
      <c r="G38" s="4" t="s">
        <v>81</v>
      </c>
      <c r="H38" s="4"/>
      <c r="I38" s="7" t="s">
        <v>48</v>
      </c>
      <c r="J38" s="4" t="s">
        <v>33</v>
      </c>
      <c r="K38" s="34">
        <v>3</v>
      </c>
      <c r="L38" s="4" t="s">
        <v>72</v>
      </c>
      <c r="M38" s="4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4"/>
      <c r="AB38" s="23"/>
    </row>
    <row r="39" spans="1:28" ht="15.4" customHeight="1" x14ac:dyDescent="0.15">
      <c r="A39" s="35" t="s">
        <v>121</v>
      </c>
      <c r="B39" s="4"/>
      <c r="C39" s="4"/>
      <c r="D39" s="4"/>
      <c r="E39" s="7" t="s">
        <v>48</v>
      </c>
      <c r="F39" s="4" t="s">
        <v>81</v>
      </c>
      <c r="G39" s="4"/>
      <c r="H39" s="7" t="s">
        <v>26</v>
      </c>
      <c r="I39" s="4" t="s">
        <v>33</v>
      </c>
      <c r="J39" s="34"/>
      <c r="K39" s="4" t="s">
        <v>72</v>
      </c>
      <c r="L39" s="4"/>
      <c r="M39" s="2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23"/>
    </row>
    <row r="40" spans="1:28" ht="15.4" customHeight="1" x14ac:dyDescent="0.15">
      <c r="A40" s="22" t="s">
        <v>120</v>
      </c>
      <c r="B40" s="4"/>
      <c r="C40" s="4"/>
      <c r="D40" s="7" t="s">
        <v>48</v>
      </c>
      <c r="E40" s="4" t="s">
        <v>81</v>
      </c>
      <c r="F40" s="4"/>
      <c r="G40" s="7" t="s">
        <v>26</v>
      </c>
      <c r="H40" s="4" t="s">
        <v>82</v>
      </c>
      <c r="I40" s="4"/>
      <c r="J40" s="4"/>
      <c r="K40" s="4"/>
      <c r="L40" s="7" t="s">
        <v>26</v>
      </c>
      <c r="M40" s="4" t="s">
        <v>83</v>
      </c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23"/>
    </row>
    <row r="41" spans="1:28" ht="15.4" customHeight="1" x14ac:dyDescent="0.15">
      <c r="A41" s="22" t="s">
        <v>122</v>
      </c>
      <c r="B41" s="4"/>
      <c r="C41" s="4"/>
      <c r="D41" s="7" t="s">
        <v>48</v>
      </c>
      <c r="E41" s="4" t="s">
        <v>81</v>
      </c>
      <c r="F41" s="4"/>
      <c r="G41" s="7" t="s">
        <v>26</v>
      </c>
      <c r="H41" s="4" t="s">
        <v>84</v>
      </c>
      <c r="I41" s="4"/>
      <c r="J41" s="2"/>
      <c r="K41" s="2"/>
      <c r="L41" s="2"/>
      <c r="M41" s="7" t="s">
        <v>26</v>
      </c>
      <c r="N41" s="4" t="s">
        <v>85</v>
      </c>
      <c r="O41" s="4"/>
      <c r="P41" s="4"/>
      <c r="Q41" s="4"/>
      <c r="R41" s="2"/>
      <c r="S41" s="2"/>
      <c r="T41" s="4"/>
      <c r="U41" s="4"/>
      <c r="W41" s="7" t="s">
        <v>26</v>
      </c>
      <c r="X41" s="4" t="s">
        <v>86</v>
      </c>
      <c r="Y41" s="4"/>
      <c r="Z41" s="4"/>
      <c r="AA41" s="4"/>
      <c r="AB41" s="23"/>
    </row>
    <row r="42" spans="1:28" ht="15.4" customHeight="1" x14ac:dyDescent="0.15">
      <c r="A42" s="22" t="s">
        <v>123</v>
      </c>
      <c r="B42" s="4"/>
      <c r="C42" s="4"/>
      <c r="D42" s="7" t="s">
        <v>48</v>
      </c>
      <c r="E42" s="4" t="s">
        <v>87</v>
      </c>
      <c r="F42" s="4"/>
      <c r="G42" s="7" t="s">
        <v>26</v>
      </c>
      <c r="H42" s="4" t="s">
        <v>88</v>
      </c>
      <c r="I42" s="4"/>
      <c r="J42" s="4"/>
      <c r="K42" s="4"/>
      <c r="L42" s="7" t="s">
        <v>26</v>
      </c>
      <c r="M42" s="4" t="s">
        <v>89</v>
      </c>
      <c r="N42" s="4"/>
      <c r="O42" s="4" t="s">
        <v>33</v>
      </c>
      <c r="P42" s="7" t="s">
        <v>26</v>
      </c>
      <c r="Q42" s="4" t="s">
        <v>90</v>
      </c>
      <c r="R42" s="4"/>
      <c r="S42" s="4"/>
      <c r="T42" s="7" t="s">
        <v>26</v>
      </c>
      <c r="U42" s="4" t="s">
        <v>91</v>
      </c>
      <c r="V42" s="4"/>
      <c r="W42" s="4"/>
      <c r="X42" s="7" t="s">
        <v>26</v>
      </c>
      <c r="Y42" s="4" t="s">
        <v>92</v>
      </c>
      <c r="Z42" s="4" t="s">
        <v>34</v>
      </c>
      <c r="AA42" s="4"/>
      <c r="AB42" s="23"/>
    </row>
    <row r="43" spans="1:28" ht="15.4" customHeight="1" x14ac:dyDescent="0.15">
      <c r="A43" s="22" t="s">
        <v>124</v>
      </c>
      <c r="B43" s="4"/>
      <c r="C43" s="4"/>
      <c r="D43" s="7" t="s">
        <v>48</v>
      </c>
      <c r="E43" s="4" t="s">
        <v>93</v>
      </c>
      <c r="F43" s="4"/>
      <c r="G43" s="7" t="s">
        <v>26</v>
      </c>
      <c r="H43" s="4" t="s">
        <v>88</v>
      </c>
      <c r="I43" s="4"/>
      <c r="J43" s="4"/>
      <c r="K43" s="4"/>
      <c r="L43" s="7" t="s">
        <v>26</v>
      </c>
      <c r="M43" s="4" t="s">
        <v>94</v>
      </c>
      <c r="N43" s="4"/>
      <c r="O43" s="4"/>
      <c r="P43" s="4"/>
      <c r="Q43" s="4"/>
      <c r="R43" s="4"/>
      <c r="S43" s="4"/>
      <c r="T43" s="4"/>
      <c r="U43" s="7" t="s">
        <v>26</v>
      </c>
      <c r="V43" s="4" t="s">
        <v>95</v>
      </c>
      <c r="W43" s="4"/>
      <c r="Y43" s="4"/>
      <c r="Z43" s="4"/>
      <c r="AA43" s="4"/>
      <c r="AB43" s="23"/>
    </row>
    <row r="44" spans="1:28" ht="15.4" customHeight="1" x14ac:dyDescent="0.15">
      <c r="A44" s="22" t="s">
        <v>125</v>
      </c>
      <c r="B44" s="4"/>
      <c r="C44" s="4"/>
      <c r="D44" s="7" t="s">
        <v>48</v>
      </c>
      <c r="E44" s="4" t="s">
        <v>87</v>
      </c>
      <c r="F44" s="4"/>
      <c r="G44" s="7" t="s">
        <v>26</v>
      </c>
      <c r="H44" s="4" t="s">
        <v>96</v>
      </c>
      <c r="I44" s="4"/>
      <c r="J44" s="4"/>
      <c r="K44" s="4"/>
      <c r="L44" s="7" t="s">
        <v>26</v>
      </c>
      <c r="M44" s="4" t="s">
        <v>95</v>
      </c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23"/>
    </row>
    <row r="45" spans="1:28" ht="15.4" customHeight="1" x14ac:dyDescent="0.15">
      <c r="A45" s="22"/>
      <c r="B45" s="4" t="s">
        <v>97</v>
      </c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23"/>
    </row>
    <row r="46" spans="1:28" ht="15.4" customHeight="1" x14ac:dyDescent="0.15">
      <c r="A46" s="22"/>
      <c r="B46" s="7" t="s">
        <v>48</v>
      </c>
      <c r="C46" s="4" t="s">
        <v>98</v>
      </c>
      <c r="D46" s="4"/>
      <c r="E46" s="7" t="s">
        <v>26</v>
      </c>
      <c r="F46" s="4" t="s">
        <v>99</v>
      </c>
      <c r="G46" s="4"/>
      <c r="H46" s="7" t="s">
        <v>26</v>
      </c>
      <c r="I46" s="4" t="s">
        <v>100</v>
      </c>
      <c r="J46" s="4"/>
      <c r="K46" s="4"/>
      <c r="L46" s="7" t="s">
        <v>26</v>
      </c>
      <c r="M46" s="4" t="s">
        <v>101</v>
      </c>
      <c r="N46" s="4"/>
      <c r="O46" s="7" t="s">
        <v>26</v>
      </c>
      <c r="P46" s="4" t="s">
        <v>102</v>
      </c>
      <c r="Q46" s="4"/>
      <c r="R46" s="7" t="s">
        <v>48</v>
      </c>
      <c r="S46" s="4" t="s">
        <v>103</v>
      </c>
      <c r="T46" s="4"/>
      <c r="U46" s="4"/>
      <c r="V46" s="4"/>
      <c r="W46" s="4"/>
      <c r="X46" s="4"/>
      <c r="Y46" s="4"/>
      <c r="Z46" s="4"/>
      <c r="AA46" s="4"/>
      <c r="AB46" s="23"/>
    </row>
    <row r="47" spans="1:28" ht="15.4" customHeight="1" x14ac:dyDescent="0.15">
      <c r="A47" s="22"/>
      <c r="B47" s="7" t="s">
        <v>26</v>
      </c>
      <c r="C47" s="4" t="s">
        <v>104</v>
      </c>
      <c r="D47" s="4"/>
      <c r="E47" s="4"/>
      <c r="F47" s="4"/>
      <c r="G47" s="4"/>
      <c r="H47" s="4"/>
      <c r="I47" s="4"/>
      <c r="J47" s="4"/>
      <c r="K47" s="7" t="s">
        <v>26</v>
      </c>
      <c r="L47" s="4" t="s">
        <v>105</v>
      </c>
      <c r="M47" s="4"/>
      <c r="N47" s="4"/>
      <c r="O47" s="4"/>
      <c r="P47" s="4"/>
      <c r="Q47" s="7" t="s">
        <v>26</v>
      </c>
      <c r="R47" s="4" t="s">
        <v>106</v>
      </c>
      <c r="S47" s="4"/>
      <c r="T47" s="4"/>
      <c r="U47" s="4"/>
      <c r="V47" s="4"/>
      <c r="W47" s="4"/>
      <c r="X47" s="4"/>
      <c r="Y47" s="4"/>
      <c r="Z47" s="4"/>
      <c r="AA47" s="4"/>
      <c r="AB47" s="23"/>
    </row>
    <row r="48" spans="1:28" ht="15.4" customHeight="1" x14ac:dyDescent="0.15">
      <c r="A48" s="22"/>
      <c r="B48" s="7" t="s">
        <v>26</v>
      </c>
      <c r="C48" s="4" t="s">
        <v>107</v>
      </c>
      <c r="D48" s="4"/>
      <c r="E48" s="4"/>
      <c r="F48" s="4"/>
      <c r="G48" s="4" t="s">
        <v>33</v>
      </c>
      <c r="H48" s="78"/>
      <c r="I48" s="78"/>
      <c r="J48" s="78"/>
      <c r="K48" s="78"/>
      <c r="L48" s="78"/>
      <c r="M48" s="78"/>
      <c r="N48" s="78"/>
      <c r="O48" s="78"/>
      <c r="P48" s="78"/>
      <c r="Q48" s="78"/>
      <c r="R48" s="78"/>
      <c r="S48" s="78"/>
      <c r="T48" s="78"/>
      <c r="U48" s="78"/>
      <c r="V48" s="78"/>
      <c r="W48" s="78"/>
      <c r="X48" s="78"/>
      <c r="Y48" s="78"/>
      <c r="Z48" s="78"/>
      <c r="AA48" s="78"/>
      <c r="AB48" s="23" t="s">
        <v>34</v>
      </c>
    </row>
    <row r="49" spans="1:28" ht="15.4" customHeight="1" x14ac:dyDescent="0.15">
      <c r="A49" s="22" t="s">
        <v>108</v>
      </c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29" t="s">
        <v>48</v>
      </c>
      <c r="S49" s="10" t="s">
        <v>49</v>
      </c>
      <c r="T49" s="10"/>
      <c r="U49" s="10"/>
      <c r="V49" s="30" t="s">
        <v>26</v>
      </c>
      <c r="W49" s="10" t="s">
        <v>37</v>
      </c>
      <c r="X49" s="28"/>
      <c r="Y49" s="11"/>
      <c r="Z49" s="4"/>
      <c r="AA49" s="4"/>
      <c r="AB49" s="23"/>
    </row>
    <row r="50" spans="1:28" ht="15.4" customHeight="1" x14ac:dyDescent="0.15">
      <c r="A50" s="16"/>
      <c r="B50" s="12" t="s">
        <v>109</v>
      </c>
      <c r="C50" s="12"/>
      <c r="D50" s="12"/>
      <c r="E50" s="12" t="s">
        <v>33</v>
      </c>
      <c r="F50" s="63" t="s">
        <v>137</v>
      </c>
      <c r="G50" s="63"/>
      <c r="H50" s="63"/>
      <c r="I50" s="63"/>
      <c r="J50" s="63"/>
      <c r="K50" s="63"/>
      <c r="L50" s="63"/>
      <c r="M50" s="63"/>
      <c r="N50" s="63"/>
      <c r="O50" s="63"/>
      <c r="P50" s="63"/>
      <c r="Q50" s="63"/>
      <c r="R50" s="63"/>
      <c r="S50" s="63"/>
      <c r="T50" s="63"/>
      <c r="U50" s="63"/>
      <c r="V50" s="63"/>
      <c r="W50" s="63"/>
      <c r="X50" s="63"/>
      <c r="Y50" s="63"/>
      <c r="Z50" s="63"/>
      <c r="AA50" s="63"/>
      <c r="AB50" s="13" t="s">
        <v>34</v>
      </c>
    </row>
    <row r="51" spans="1:28" ht="12.4" customHeight="1" x14ac:dyDescent="0.15">
      <c r="A51" s="82" t="s">
        <v>110</v>
      </c>
      <c r="B51" s="82"/>
      <c r="C51" s="82"/>
      <c r="D51" s="82"/>
      <c r="E51" s="82"/>
      <c r="F51" s="82"/>
      <c r="G51" s="82"/>
      <c r="H51" s="82"/>
      <c r="I51" s="82"/>
      <c r="J51" s="82"/>
      <c r="K51" s="82"/>
      <c r="L51" s="82"/>
      <c r="M51" s="82"/>
      <c r="N51" s="82"/>
      <c r="O51" s="82"/>
      <c r="P51" s="82"/>
      <c r="Q51" s="82"/>
      <c r="R51" s="82"/>
      <c r="S51" s="82"/>
      <c r="T51" s="82"/>
      <c r="U51" s="82"/>
      <c r="V51" s="82"/>
      <c r="W51" s="82"/>
      <c r="X51" s="82"/>
      <c r="Y51" s="82"/>
      <c r="Z51" s="82"/>
      <c r="AA51" s="82"/>
      <c r="AB51" s="82"/>
    </row>
    <row r="52" spans="1:28" ht="12.4" customHeight="1" x14ac:dyDescent="0.15">
      <c r="A52" s="6"/>
      <c r="B52" s="6"/>
      <c r="C52" s="6"/>
      <c r="D52" s="6"/>
      <c r="E52" s="6"/>
      <c r="F52" s="6"/>
      <c r="G52" s="6"/>
      <c r="H52" s="6"/>
      <c r="I52" s="6"/>
      <c r="J52" s="6"/>
      <c r="K52" s="6"/>
      <c r="L52" s="6"/>
      <c r="M52" s="6"/>
      <c r="N52" s="6"/>
      <c r="O52" s="6"/>
      <c r="P52" s="6"/>
      <c r="Q52" s="6"/>
      <c r="R52" s="6"/>
      <c r="S52" s="6"/>
      <c r="T52" s="6"/>
      <c r="U52" s="6"/>
      <c r="V52" s="6"/>
      <c r="W52" s="6"/>
      <c r="X52" s="6"/>
      <c r="Y52" s="6"/>
      <c r="Z52" s="6"/>
      <c r="AA52" s="6"/>
      <c r="AB52" s="6"/>
    </row>
    <row r="53" spans="1:28" ht="15.4" customHeight="1" x14ac:dyDescent="0.15">
      <c r="A53" s="6"/>
      <c r="B53" s="6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6"/>
      <c r="O53" s="6"/>
      <c r="P53" s="6"/>
      <c r="Q53" s="6"/>
      <c r="R53" s="6"/>
      <c r="S53" s="6"/>
      <c r="T53" s="6"/>
      <c r="U53" s="6"/>
      <c r="V53" s="6"/>
      <c r="W53" s="6"/>
      <c r="X53" s="6"/>
      <c r="Y53" s="6"/>
      <c r="Z53" s="6"/>
      <c r="AA53" s="6"/>
      <c r="AB53" s="6"/>
    </row>
    <row r="54" spans="1:28" ht="15.4" customHeight="1" x14ac:dyDescent="0.15">
      <c r="A54" s="6"/>
      <c r="B54" s="6"/>
      <c r="C54" s="6"/>
      <c r="D54" s="6"/>
      <c r="E54" s="6"/>
      <c r="F54" s="6"/>
      <c r="G54" s="6"/>
      <c r="H54" s="6"/>
      <c r="I54" s="6"/>
      <c r="J54" s="6"/>
      <c r="K54" s="6"/>
      <c r="L54" s="6"/>
      <c r="M54" s="6"/>
      <c r="N54" s="6"/>
      <c r="O54" s="6"/>
      <c r="P54" s="6"/>
      <c r="Q54" s="6"/>
      <c r="R54" s="6"/>
      <c r="S54" s="6"/>
      <c r="T54" s="6"/>
      <c r="U54" s="6"/>
      <c r="V54" s="6"/>
      <c r="W54" s="6"/>
      <c r="X54" s="6"/>
      <c r="Y54" s="6"/>
      <c r="Z54" s="6"/>
      <c r="AA54" s="6"/>
      <c r="AB54" s="6"/>
    </row>
    <row r="55" spans="1:28" ht="15.4" customHeight="1" x14ac:dyDescent="0.15">
      <c r="A55" s="6"/>
      <c r="B55" s="6"/>
      <c r="C55" s="6"/>
      <c r="D55" s="6"/>
      <c r="E55" s="6"/>
      <c r="F55" s="6"/>
      <c r="G55" s="6"/>
      <c r="H55" s="6"/>
      <c r="I55" s="6"/>
      <c r="J55" s="6"/>
      <c r="K55" s="6"/>
      <c r="L55" s="6"/>
      <c r="M55" s="6"/>
      <c r="N55" s="6"/>
      <c r="O55" s="6"/>
      <c r="P55" s="6"/>
      <c r="Q55" s="6"/>
      <c r="R55" s="6"/>
      <c r="S55" s="6"/>
      <c r="T55" s="6"/>
      <c r="U55" s="6"/>
      <c r="V55" s="6"/>
      <c r="W55" s="6"/>
      <c r="X55" s="6"/>
      <c r="Y55" s="6"/>
      <c r="Z55" s="6"/>
      <c r="AA55" s="6"/>
      <c r="AB55" s="6"/>
    </row>
    <row r="56" spans="1:28" ht="15.4" customHeight="1" x14ac:dyDescent="0.15">
      <c r="A56" s="6"/>
      <c r="B56" s="6"/>
      <c r="C56" s="6"/>
      <c r="D56" s="6"/>
      <c r="E56" s="6"/>
      <c r="F56" s="6"/>
      <c r="G56" s="6"/>
      <c r="H56" s="6"/>
      <c r="I56" s="6"/>
      <c r="J56" s="6"/>
      <c r="K56" s="6"/>
      <c r="L56" s="6"/>
      <c r="M56" s="6"/>
      <c r="N56" s="6"/>
      <c r="O56" s="6"/>
      <c r="P56" s="6"/>
      <c r="Q56" s="6"/>
      <c r="R56" s="6"/>
      <c r="S56" s="6"/>
      <c r="T56" s="6"/>
      <c r="U56" s="6"/>
      <c r="V56" s="6"/>
      <c r="W56" s="6"/>
      <c r="X56" s="6"/>
      <c r="Y56" s="6"/>
      <c r="Z56" s="6"/>
      <c r="AA56" s="6"/>
      <c r="AB56" s="6"/>
    </row>
    <row r="57" spans="1:28" ht="15.4" customHeight="1" x14ac:dyDescent="0.15">
      <c r="A57" s="6"/>
      <c r="B57" s="6"/>
      <c r="C57" s="6"/>
      <c r="D57" s="6"/>
      <c r="E57" s="6"/>
      <c r="F57" s="6"/>
      <c r="G57" s="6"/>
      <c r="H57" s="6"/>
      <c r="I57" s="6"/>
      <c r="J57" s="6"/>
      <c r="K57" s="6"/>
      <c r="L57" s="6"/>
      <c r="M57" s="6"/>
      <c r="N57" s="6"/>
      <c r="O57" s="6"/>
      <c r="P57" s="6"/>
      <c r="Q57" s="6"/>
      <c r="R57" s="6"/>
      <c r="S57" s="6"/>
      <c r="T57" s="6"/>
      <c r="U57" s="6"/>
      <c r="V57" s="6"/>
      <c r="W57" s="6"/>
      <c r="X57" s="6"/>
      <c r="Y57" s="6"/>
      <c r="Z57" s="6"/>
      <c r="AA57" s="6"/>
      <c r="AB57" s="6"/>
    </row>
    <row r="58" spans="1:28" ht="15.4" customHeight="1" x14ac:dyDescent="0.15">
      <c r="A58" s="6"/>
      <c r="B58" s="6"/>
      <c r="C58" s="6"/>
      <c r="D58" s="6"/>
      <c r="E58" s="6"/>
      <c r="F58" s="6"/>
      <c r="G58" s="6"/>
      <c r="H58" s="6"/>
      <c r="I58" s="6"/>
      <c r="J58" s="6"/>
      <c r="K58" s="6"/>
      <c r="L58" s="6"/>
      <c r="M58" s="6"/>
      <c r="N58" s="6"/>
      <c r="O58" s="6"/>
      <c r="P58" s="6"/>
      <c r="Q58" s="6"/>
      <c r="R58" s="6"/>
      <c r="S58" s="6"/>
      <c r="T58" s="6"/>
      <c r="U58" s="6"/>
      <c r="V58" s="6"/>
      <c r="W58" s="6"/>
      <c r="X58" s="6"/>
      <c r="Y58" s="6"/>
      <c r="Z58" s="6"/>
      <c r="AA58" s="6"/>
      <c r="AB58" s="6"/>
    </row>
    <row r="59" spans="1:28" ht="15.4" customHeight="1" x14ac:dyDescent="0.15"/>
    <row r="60" spans="1:28" ht="15.4" customHeight="1" x14ac:dyDescent="0.15"/>
  </sheetData>
  <mergeCells count="36">
    <mergeCell ref="A51:AB51"/>
    <mergeCell ref="D28:M28"/>
    <mergeCell ref="R28:AA28"/>
    <mergeCell ref="F33:AA33"/>
    <mergeCell ref="H48:AA48"/>
    <mergeCell ref="F50:AA50"/>
    <mergeCell ref="C20:AA20"/>
    <mergeCell ref="D23:M23"/>
    <mergeCell ref="R23:AA23"/>
    <mergeCell ref="D26:M26"/>
    <mergeCell ref="F12:J12"/>
    <mergeCell ref="K12:L12"/>
    <mergeCell ref="P12:S12"/>
    <mergeCell ref="T12:W12"/>
    <mergeCell ref="A7:C8"/>
    <mergeCell ref="A10:B11"/>
    <mergeCell ref="C10:K10"/>
    <mergeCell ref="L10:M11"/>
    <mergeCell ref="N10:P10"/>
    <mergeCell ref="C11:K11"/>
    <mergeCell ref="N11:P11"/>
    <mergeCell ref="D7:D8"/>
    <mergeCell ref="E7:AB8"/>
    <mergeCell ref="Y11:AB11"/>
    <mergeCell ref="Q10:R11"/>
    <mergeCell ref="S10:U10"/>
    <mergeCell ref="V10:W10"/>
    <mergeCell ref="A5:D5"/>
    <mergeCell ref="E5:N5"/>
    <mergeCell ref="O5:S5"/>
    <mergeCell ref="T5:AB5"/>
    <mergeCell ref="A1:AB1"/>
    <mergeCell ref="A3:AB3"/>
    <mergeCell ref="A4:D4"/>
    <mergeCell ref="O4:T4"/>
    <mergeCell ref="U4:AB4"/>
  </mergeCells>
  <phoneticPr fontId="9"/>
  <dataValidations count="2">
    <dataValidation type="list" allowBlank="1" showInputMessage="1" showErrorMessage="1" sqref="S10:U10" xr:uid="{7CE9E7CA-2FE1-4E31-8A75-19BE6B7A6623}">
      <formula1>"平成・令和,令和,平成"</formula1>
    </dataValidation>
    <dataValidation type="list" allowBlank="1" showInputMessage="1" showErrorMessage="1" sqref="P35 B14 H17 S17 F16 P22 T22 N15 T15 M17 X17 W26 Z26 J18 F18 P25 T25:T27 P27 P30 T30 D34 I34 L34 Q34 P32 T32 D36 G36 I15 J16 E39 G40:G42 H39 I38 F38 M41 W41 L42 P42 T42 X42 G43 L43 U43 G44 L44 B46:B48 E46 H46 L46 O46 R46 K47 Q47 T35 D40:D44 R49 V49 L40 D7" xr:uid="{B2DA3D16-4F6D-4441-93B8-ADCF110C7E00}">
      <formula1>"□,☑"</formula1>
    </dataValidation>
  </dataValidations>
  <printOptions horizontalCentered="1"/>
  <pageMargins left="0.39370078740157483" right="0.39370078740157483" top="0.59055118110236227" bottom="0.19685039370078741" header="0.11811023622047245" footer="0.11811023622047245"/>
  <pageSetup paperSize="9" scale="95" fitToHeight="2" orientation="portrait" horizontalDpi="300" verticalDpi="300" r:id="rId1"/>
  <ignoredErrors>
    <ignoredError sqref="A51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状況確認票</vt:lpstr>
      <vt:lpstr>状況確認票 (記入例)</vt:lpstr>
      <vt:lpstr>状況確認票!Print_Area</vt:lpstr>
      <vt:lpstr>'状況確認票 (記入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四十物　志保</cp:lastModifiedBy>
  <cp:lastPrinted>2025-10-02T09:21:05Z</cp:lastPrinted>
  <dcterms:created xsi:type="dcterms:W3CDTF">2024-08-22T06:35:06Z</dcterms:created>
  <dcterms:modified xsi:type="dcterms:W3CDTF">2025-10-02T09:21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09-17T05:19:52Z</vt:filetime>
  </property>
</Properties>
</file>